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codeName="ThisWorkbook" defaultThemeVersion="124226"/>
  <mc:AlternateContent xmlns:mc="http://schemas.openxmlformats.org/markup-compatibility/2006">
    <mc:Choice Requires="x15">
      <x15ac:absPath xmlns:x15ac="http://schemas.microsoft.com/office/spreadsheetml/2010/11/ac" url="C:\Users\s006857\Desktop\"/>
    </mc:Choice>
  </mc:AlternateContent>
  <bookViews>
    <workbookView xWindow="600" yWindow="135" windowWidth="19395" windowHeight="7815"/>
  </bookViews>
  <sheets>
    <sheet name="入力用" sheetId="2" r:id="rId1"/>
    <sheet name="記載例" sheetId="5" r:id="rId2"/>
  </sheets>
  <definedNames>
    <definedName name="OLE_LINK1" localSheetId="0">入力用!#REF!</definedName>
    <definedName name="_xlnm.Print_Area" localSheetId="0">入力用!$A$1:$K$483</definedName>
  </definedNames>
  <calcPr calcId="145621"/>
</workbook>
</file>

<file path=xl/sharedStrings.xml><?xml version="1.0" encoding="utf-8"?>
<sst xmlns="http://schemas.openxmlformats.org/spreadsheetml/2006/main" count="798" uniqueCount="321">
  <si>
    <t>（ふりがな）</t>
    <phoneticPr fontId="1"/>
  </si>
  <si>
    <t>〒　　　　－</t>
    <phoneticPr fontId="1"/>
  </si>
  <si>
    <t>アレルギー（薬）</t>
  </si>
  <si>
    <t>てんかん発作</t>
  </si>
  <si>
    <t>吸引</t>
  </si>
  <si>
    <t>導尿</t>
  </si>
  <si>
    <t>気管切開</t>
  </si>
  <si>
    <t>酸素吸入</t>
  </si>
  <si>
    <t>使用開始時期　　　年　　　月</t>
  </si>
  <si>
    <t>薬剤吸入</t>
  </si>
  <si>
    <t>時間</t>
  </si>
  <si>
    <t>人工呼吸器</t>
  </si>
  <si>
    <t>経管栄養</t>
  </si>
  <si>
    <t>使用開始時期　　　　　年　　　　月</t>
    <phoneticPr fontId="1"/>
  </si>
  <si>
    <t>　　　　年　　　月施行</t>
    <phoneticPr fontId="1"/>
  </si>
  <si>
    <t>アレルゲン：</t>
    <phoneticPr fontId="1"/>
  </si>
  <si>
    <t>症状：</t>
    <phoneticPr fontId="1"/>
  </si>
  <si>
    <t>対応：</t>
    <phoneticPr fontId="1"/>
  </si>
  <si>
    <t>予兆：</t>
    <phoneticPr fontId="1"/>
  </si>
  <si>
    <t>注意点：</t>
    <rPh sb="0" eb="3">
      <t>チュウイテン</t>
    </rPh>
    <phoneticPr fontId="1"/>
  </si>
  <si>
    <t>　機種：</t>
    <phoneticPr fontId="1"/>
  </si>
  <si>
    <t>種類：　　　　　　　　　　　　</t>
    <phoneticPr fontId="1"/>
  </si>
  <si>
    <t>薬剤注入</t>
    <rPh sb="0" eb="2">
      <t>ヤクザイ</t>
    </rPh>
    <rPh sb="2" eb="4">
      <t>チュウニュウ</t>
    </rPh>
    <phoneticPr fontId="1"/>
  </si>
  <si>
    <t>栄養剤注入</t>
    <rPh sb="0" eb="3">
      <t>エイヨウザイ</t>
    </rPh>
    <rPh sb="3" eb="5">
      <t>チュウニュウ</t>
    </rPh>
    <phoneticPr fontId="1"/>
  </si>
  <si>
    <t>インスリン</t>
    <phoneticPr fontId="1"/>
  </si>
  <si>
    <t>薬剤名</t>
    <rPh sb="0" eb="2">
      <t>ヤクザイ</t>
    </rPh>
    <rPh sb="2" eb="3">
      <t>メイ</t>
    </rPh>
    <phoneticPr fontId="1"/>
  </si>
  <si>
    <t>回数</t>
    <rPh sb="0" eb="2">
      <t>カイスウ</t>
    </rPh>
    <phoneticPr fontId="1"/>
  </si>
  <si>
    <t>（　朝</t>
    <rPh sb="2" eb="3">
      <t>アサ</t>
    </rPh>
    <phoneticPr fontId="1"/>
  </si>
  <si>
    <t>昼</t>
    <rPh sb="0" eb="1">
      <t>ヒル</t>
    </rPh>
    <phoneticPr fontId="1"/>
  </si>
  <si>
    <t>）</t>
    <phoneticPr fontId="1"/>
  </si>
  <si>
    <t>夕</t>
    <rPh sb="0" eb="1">
      <t>ユウ</t>
    </rPh>
    <phoneticPr fontId="1"/>
  </si>
  <si>
    <t>夜間</t>
    <rPh sb="0" eb="2">
      <t>ヤカン</t>
    </rPh>
    <phoneticPr fontId="1"/>
  </si>
  <si>
    <t>栄養剤名（</t>
    <rPh sb="0" eb="3">
      <t>エイヨウザイ</t>
    </rPh>
    <rPh sb="3" eb="4">
      <t>メイ</t>
    </rPh>
    <phoneticPr fontId="1"/>
  </si>
  <si>
    <t>（朝　</t>
    <rPh sb="1" eb="2">
      <t>アサ</t>
    </rPh>
    <phoneticPr fontId="1"/>
  </si>
  <si>
    <t>薬剤名：</t>
    <rPh sb="0" eb="2">
      <t>ヤクザイ</t>
    </rPh>
    <rPh sb="2" eb="3">
      <t>メイ</t>
    </rPh>
    <phoneticPr fontId="1"/>
  </si>
  <si>
    <t>頻度：</t>
    <rPh sb="0" eb="2">
      <t>ヒンド</t>
    </rPh>
    <phoneticPr fontId="1"/>
  </si>
  <si>
    <t>□</t>
  </si>
  <si>
    <t>医療的ケア☆サポートハンドブック</t>
  </si>
  <si>
    <t>さん</t>
    <phoneticPr fontId="1"/>
  </si>
  <si>
    <t>これは医療的ケアの必要な方の命を守るための</t>
  </si>
  <si>
    <t>ハンドブックです。</t>
  </si>
  <si>
    <t>医療機関に渡してください。</t>
  </si>
  <si>
    <t>作成日</t>
  </si>
  <si>
    <t>■</t>
  </si>
  <si>
    <t xml:space="preserve">お伝えください。
</t>
    <phoneticPr fontId="1"/>
  </si>
  <si>
    <t>このハンドブックを持っている方は、医療的ケアスタッフに</t>
    <phoneticPr fontId="1"/>
  </si>
  <si>
    <t>救急搬送時はご本人とともにこのハンドブックを</t>
    <phoneticPr fontId="1"/>
  </si>
  <si>
    <t>年　　月　　日</t>
  </si>
  <si>
    <t>更新日</t>
  </si>
  <si>
    <t>医療的ケア☆サポートハンドブックとは：</t>
  </si>
  <si>
    <t>緊急時や災害時に日常的にケアをする人が近くにいなくても、避難先や病院</t>
  </si>
  <si>
    <t>などでご本人の基本情報や医療的ケアについて知ることができるものです。</t>
    <phoneticPr fontId="1"/>
  </si>
  <si>
    <t xml:space="preserve">  また、作成時にご本人やご家族、関係機関等で緊急時や災害時の体制を見直</t>
    <phoneticPr fontId="1"/>
  </si>
  <si>
    <t>作成・運用方法：</t>
  </si>
  <si>
    <t>例）サービス更新時・１月１７日（阪神淡路大震災の日）等</t>
    <phoneticPr fontId="1"/>
  </si>
  <si>
    <t>○お子さんの場合、サポートファイル「ステップ☆ぐんぐん」に挟んで教育機</t>
  </si>
  <si>
    <t xml:space="preserve">  関とも情報共有しておくことをお勧めします。</t>
    <phoneticPr fontId="1"/>
  </si>
  <si>
    <t>○緊急時・災害時を想定して作成しましたが、普段のケアの中において引き継</t>
  </si>
  <si>
    <t xml:space="preserve">  ぎ等にも活用していただけます。</t>
    <phoneticPr fontId="1"/>
  </si>
  <si>
    <t xml:space="preserve">                    </t>
    <phoneticPr fontId="1"/>
  </si>
  <si>
    <t>さんの基本情報</t>
  </si>
  <si>
    <t>名前</t>
    <rPh sb="0" eb="2">
      <t>ナマエ</t>
    </rPh>
    <phoneticPr fontId="1"/>
  </si>
  <si>
    <t>生年月日</t>
    <rPh sb="0" eb="2">
      <t>セイネン</t>
    </rPh>
    <rPh sb="2" eb="4">
      <t>ガッピ</t>
    </rPh>
    <phoneticPr fontId="1"/>
  </si>
  <si>
    <t>病名・障がい名</t>
    <rPh sb="0" eb="2">
      <t>ビョウメイ</t>
    </rPh>
    <rPh sb="3" eb="4">
      <t>ショウ</t>
    </rPh>
    <rPh sb="6" eb="7">
      <t>メイ</t>
    </rPh>
    <phoneticPr fontId="1"/>
  </si>
  <si>
    <t>アレルギー</t>
    <phoneticPr fontId="1"/>
  </si>
  <si>
    <t>食べ物</t>
    <rPh sb="0" eb="1">
      <t>タ</t>
    </rPh>
    <rPh sb="2" eb="3">
      <t>モノ</t>
    </rPh>
    <phoneticPr fontId="1"/>
  </si>
  <si>
    <t>薬</t>
  </si>
  <si>
    <t>それ以外</t>
    <rPh sb="2" eb="4">
      <t>イガイ</t>
    </rPh>
    <phoneticPr fontId="1"/>
  </si>
  <si>
    <t>薬（禁忌薬品も含む）</t>
    <rPh sb="0" eb="1">
      <t>クスリ</t>
    </rPh>
    <rPh sb="2" eb="4">
      <t>キンキ</t>
    </rPh>
    <rPh sb="4" eb="6">
      <t>ヤクヒン</t>
    </rPh>
    <rPh sb="7" eb="8">
      <t>フク</t>
    </rPh>
    <phoneticPr fontId="1"/>
  </si>
  <si>
    <t>平常時の様子</t>
    <rPh sb="0" eb="2">
      <t>ヘイジョウ</t>
    </rPh>
    <rPh sb="2" eb="3">
      <t>ジ</t>
    </rPh>
    <rPh sb="4" eb="6">
      <t>ヨウス</t>
    </rPh>
    <phoneticPr fontId="1"/>
  </si>
  <si>
    <t>体温</t>
    <rPh sb="0" eb="2">
      <t>タイオン</t>
    </rPh>
    <phoneticPr fontId="1"/>
  </si>
  <si>
    <t>ＳｐＯ２</t>
  </si>
  <si>
    <t>ＳｐＯ２</t>
    <phoneticPr fontId="1"/>
  </si>
  <si>
    <t>尿の頻度</t>
    <rPh sb="0" eb="1">
      <t>ニョウ</t>
    </rPh>
    <rPh sb="2" eb="4">
      <t>ヒンド</t>
    </rPh>
    <phoneticPr fontId="1"/>
  </si>
  <si>
    <t>便の頻度</t>
    <rPh sb="0" eb="1">
      <t>ベン</t>
    </rPh>
    <rPh sb="2" eb="4">
      <t>ヒンド</t>
    </rPh>
    <phoneticPr fontId="1"/>
  </si>
  <si>
    <t>℃</t>
    <phoneticPr fontId="1"/>
  </si>
  <si>
    <t>％</t>
    <phoneticPr fontId="1"/>
  </si>
  <si>
    <t>心拍数</t>
    <rPh sb="0" eb="3">
      <t>シンパクスウ</t>
    </rPh>
    <phoneticPr fontId="1"/>
  </si>
  <si>
    <t>回/分</t>
    <rPh sb="0" eb="1">
      <t>カイ</t>
    </rPh>
    <rPh sb="2" eb="3">
      <t>フン</t>
    </rPh>
    <phoneticPr fontId="1"/>
  </si>
  <si>
    <t>回/1日</t>
    <rPh sb="0" eb="1">
      <t>カイ</t>
    </rPh>
    <rPh sb="3" eb="4">
      <t>ニチ</t>
    </rPh>
    <phoneticPr fontId="1"/>
  </si>
  <si>
    <t>写真を貼ってください</t>
    <rPh sb="0" eb="2">
      <t>シャシン</t>
    </rPh>
    <rPh sb="3" eb="4">
      <t>ハ</t>
    </rPh>
    <phoneticPr fontId="1"/>
  </si>
  <si>
    <t>連絡先</t>
    <rPh sb="0" eb="3">
      <t>レンラクサキ</t>
    </rPh>
    <phoneticPr fontId="1"/>
  </si>
  <si>
    <t>住所</t>
    <rPh sb="0" eb="2">
      <t>ジュウショ</t>
    </rPh>
    <phoneticPr fontId="1"/>
  </si>
  <si>
    <t>電話番号</t>
  </si>
  <si>
    <t>電話番号</t>
    <rPh sb="0" eb="2">
      <t>デンワ</t>
    </rPh>
    <rPh sb="2" eb="4">
      <t>バンゴウ</t>
    </rPh>
    <phoneticPr fontId="1"/>
  </si>
  <si>
    <t>（自宅）</t>
    <rPh sb="1" eb="3">
      <t>ジタク</t>
    </rPh>
    <phoneticPr fontId="1"/>
  </si>
  <si>
    <t>血液型</t>
    <rPh sb="0" eb="3">
      <t>ケツエキガタ</t>
    </rPh>
    <phoneticPr fontId="1"/>
  </si>
  <si>
    <t>型</t>
    <rPh sb="0" eb="1">
      <t>ガタ</t>
    </rPh>
    <phoneticPr fontId="1"/>
  </si>
  <si>
    <t>身長</t>
    <rPh sb="0" eb="2">
      <t>シンチョウ</t>
    </rPh>
    <phoneticPr fontId="1"/>
  </si>
  <si>
    <t>体重</t>
    <rPh sb="0" eb="2">
      <t>タイジュウ</t>
    </rPh>
    <phoneticPr fontId="1"/>
  </si>
  <si>
    <t>主治医</t>
    <rPh sb="0" eb="3">
      <t>シュジイ</t>
    </rPh>
    <phoneticPr fontId="1"/>
  </si>
  <si>
    <t>病院名・担当課</t>
    <rPh sb="0" eb="2">
      <t>ビョウイン</t>
    </rPh>
    <rPh sb="2" eb="3">
      <t>メイ</t>
    </rPh>
    <rPh sb="4" eb="7">
      <t>タントウカ</t>
    </rPh>
    <phoneticPr fontId="1"/>
  </si>
  <si>
    <t>主治医氏名</t>
    <rPh sb="0" eb="3">
      <t>シュジイ</t>
    </rPh>
    <rPh sb="3" eb="5">
      <t>シメイ</t>
    </rPh>
    <phoneticPr fontId="1"/>
  </si>
  <si>
    <t>ＲＨ</t>
    <phoneticPr fontId="1"/>
  </si>
  <si>
    <t>所在地</t>
    <rPh sb="0" eb="3">
      <t>ショザイチ</t>
    </rPh>
    <phoneticPr fontId="1"/>
  </si>
  <si>
    <t>TEL</t>
    <phoneticPr fontId="1"/>
  </si>
  <si>
    <t>FAX</t>
    <phoneticPr fontId="1"/>
  </si>
  <si>
    <t>す機会になると考えています。</t>
    <phoneticPr fontId="1"/>
  </si>
  <si>
    <t xml:space="preserve"> 児・者問わず、医療的ケアが必要な方に幅広く使っていただけると幸いです。</t>
    <phoneticPr fontId="1"/>
  </si>
  <si>
    <t>○相談支援専門員を中心にご本人やご家族と共に作成していきます。</t>
    <phoneticPr fontId="1"/>
  </si>
  <si>
    <t xml:space="preserve">  定期的に内容を見直すようにしましょう。</t>
    <phoneticPr fontId="1"/>
  </si>
  <si>
    <t>　　    の携帯</t>
    <rPh sb="7" eb="9">
      <t>ケイタイ</t>
    </rPh>
    <phoneticPr fontId="1"/>
  </si>
  <si>
    <t>　  　  の携帯</t>
    <rPh sb="7" eb="9">
      <t>ケイタイ</t>
    </rPh>
    <phoneticPr fontId="1"/>
  </si>
  <si>
    <t>鼻腔内（　　　　Ｆｒ）</t>
    <phoneticPr fontId="1"/>
  </si>
  <si>
    <t>　　　　　　年　　　　　月　　　　　日生（　　　　歳）</t>
    <rPh sb="6" eb="7">
      <t>ネン</t>
    </rPh>
    <rPh sb="12" eb="13">
      <t>ガツ</t>
    </rPh>
    <rPh sb="18" eb="19">
      <t>ニチ</t>
    </rPh>
    <rPh sb="19" eb="20">
      <t>ウ</t>
    </rPh>
    <rPh sb="25" eb="26">
      <t>サイ</t>
    </rPh>
    <phoneticPr fontId="1"/>
  </si>
  <si>
    <t>(選んで)</t>
  </si>
  <si>
    <t>服薬類(座薬・浣腸等も含む）</t>
    <rPh sb="0" eb="2">
      <t>フクヤク</t>
    </rPh>
    <rPh sb="2" eb="3">
      <t>ルイ</t>
    </rPh>
    <rPh sb="4" eb="6">
      <t>ザヤク</t>
    </rPh>
    <rPh sb="7" eb="9">
      <t>カンチョウ</t>
    </rPh>
    <rPh sb="9" eb="10">
      <t>ナド</t>
    </rPh>
    <rPh sb="11" eb="12">
      <t>フク</t>
    </rPh>
    <phoneticPr fontId="1"/>
  </si>
  <si>
    <t>アレルギー（食物・薬以外）</t>
    <rPh sb="6" eb="8">
      <t>ショクモツ</t>
    </rPh>
    <rPh sb="9" eb="10">
      <t>クスリ</t>
    </rPh>
    <rPh sb="10" eb="12">
      <t>イガイ</t>
    </rPh>
    <phoneticPr fontId="1"/>
  </si>
  <si>
    <t>アレルギー（食物）</t>
    <phoneticPr fontId="1"/>
  </si>
  <si>
    <t>坐薬挿入</t>
    <phoneticPr fontId="1"/>
  </si>
  <si>
    <t>その他</t>
    <phoneticPr fontId="1"/>
  </si>
  <si>
    <t>発作時の対応：</t>
    <phoneticPr fontId="1"/>
  </si>
  <si>
    <t>あり　　　なし</t>
  </si>
  <si>
    <t>注意点：</t>
  </si>
  <si>
    <t>注意点：</t>
    <rPh sb="0" eb="3">
      <t>チュウイテン</t>
    </rPh>
    <phoneticPr fontId="1"/>
  </si>
  <si>
    <t>吸引回数：</t>
    <phoneticPr fontId="1"/>
  </si>
  <si>
    <t xml:space="preserve">（選んで） </t>
  </si>
  <si>
    <t>導尿時間：</t>
    <rPh sb="0" eb="2">
      <t>ドウニョウ</t>
    </rPh>
    <rPh sb="2" eb="4">
      <t>ジカン</t>
    </rPh>
    <phoneticPr fontId="1"/>
  </si>
  <si>
    <t>　回数　　</t>
    <rPh sb="1" eb="3">
      <t>カイスウ</t>
    </rPh>
    <phoneticPr fontId="1"/>
  </si>
  <si>
    <t>複管</t>
  </si>
  <si>
    <t>単管</t>
    <rPh sb="0" eb="2">
      <t>タンカン</t>
    </rPh>
    <phoneticPr fontId="1"/>
  </si>
  <si>
    <t>カフなし</t>
  </si>
  <si>
    <t>カフ付</t>
  </si>
  <si>
    <t>サイズ</t>
    <phoneticPr fontId="1"/>
  </si>
  <si>
    <t>喉頭分離</t>
    <phoneticPr fontId="1"/>
  </si>
  <si>
    <t>（選んで）</t>
  </si>
  <si>
    <t xml:space="preserve"> Ｆｒ</t>
    <phoneticPr fontId="1"/>
  </si>
  <si>
    <t>ｍｌ/分</t>
    <phoneticPr fontId="1"/>
  </si>
  <si>
    <t>Ｏ２　　　</t>
    <phoneticPr fontId="1"/>
  </si>
  <si>
    <t>％目安</t>
    <phoneticPr fontId="1"/>
  </si>
  <si>
    <t>ｍｌ/分</t>
    <rPh sb="3" eb="4">
      <t>ブン</t>
    </rPh>
    <phoneticPr fontId="1"/>
  </si>
  <si>
    <t>★人工呼吸器の内部＋外部バッテリーの持続時間は</t>
  </si>
  <si>
    <t>（　　　　　）</t>
    <phoneticPr fontId="1"/>
  </si>
  <si>
    <t>時間</t>
    <rPh sb="0" eb="2">
      <t>ジカン</t>
    </rPh>
    <phoneticPr fontId="1"/>
  </si>
  <si>
    <t>ｍｌ/時間</t>
  </si>
  <si>
    <t>薬剤名（　　　　　　　　　　　　　　　　　　　　　　　　　　　　　　　　　　　　　）</t>
    <phoneticPr fontId="1"/>
  </si>
  <si>
    <t>＜メモ＞</t>
  </si>
  <si>
    <t>★人工呼吸器のモードやインスリンのスケールの貼り付け等にご活用ください</t>
  </si>
  <si>
    <t>日常生活</t>
  </si>
  <si>
    <t>一日の流れ・生活リズム</t>
  </si>
  <si>
    <t>品目</t>
  </si>
  <si>
    <t>お薬手帳</t>
  </si>
  <si>
    <t>アンビューバック</t>
  </si>
  <si>
    <t>外部バッテリー</t>
  </si>
  <si>
    <t>延長コード</t>
  </si>
  <si>
    <t>手動吸引器</t>
  </si>
  <si>
    <t>使い捨て手袋</t>
  </si>
  <si>
    <t>蒸留水</t>
  </si>
  <si>
    <t>ガーゼ</t>
  </si>
  <si>
    <t>アルコール綿</t>
  </si>
  <si>
    <t>経管栄養セット</t>
  </si>
  <si>
    <t>吸引用チューブ</t>
  </si>
  <si>
    <t>自宅周辺で想定される災害</t>
  </si>
  <si>
    <t>ハザードマップを参考に災害の情報を集めておきましょう</t>
  </si>
  <si>
    <t>○洪水</t>
  </si>
  <si>
    <t>○土砂災害</t>
  </si>
  <si>
    <t>○地震</t>
  </si>
  <si>
    <t>○津波</t>
  </si>
  <si>
    <t>○高潮</t>
  </si>
  <si>
    <t>○その他</t>
  </si>
  <si>
    <t>災害時の対応</t>
  </si>
  <si>
    <t>○災害時の指定避難所になっているところ</t>
  </si>
  <si>
    <t>○停電時に電源が確保できる所</t>
  </si>
  <si>
    <t>　伊丹市役所代表　ＴＥＬ　：０７２－７８３－１２３４</t>
  </si>
  <si>
    <t>　＊伊丹市危機管理室の自家発電設備で充電させてもらえる場合があります</t>
  </si>
  <si>
    <t>○その他避難できる所（病院を含む）</t>
  </si>
  <si>
    <t>○○さんの応援団</t>
  </si>
  <si>
    <t>　　施設名</t>
  </si>
  <si>
    <t>担当者</t>
  </si>
  <si>
    <t>病院・診療所</t>
  </si>
  <si>
    <t>学校・園</t>
  </si>
  <si>
    <t>相談支援事業所</t>
  </si>
  <si>
    <t>訪問看護</t>
  </si>
  <si>
    <t>短期入所</t>
  </si>
  <si>
    <t>居宅介護</t>
  </si>
  <si>
    <t>もしもに備える</t>
  </si>
  <si>
    <t>○災害時のアイデア</t>
  </si>
  <si>
    <t>○ケアの際に気を付けてほしいこと</t>
  </si>
  <si>
    <t>例）○○の体位が楽に過ごせます　　　</t>
  </si>
  <si>
    <t>体温調整が難しいので室温や着るものに注意してください　　　　　など</t>
  </si>
  <si>
    <t>（　　　　　　）          －</t>
    <phoneticPr fontId="1"/>
  </si>
  <si>
    <t>（　　　　　　）　　　　　　－</t>
    <phoneticPr fontId="1"/>
  </si>
  <si>
    <t>(　　　　　　　　　　　　　　　　　）ｃｍ</t>
    <phoneticPr fontId="1"/>
  </si>
  <si>
    <t>(      　　　　　      )ｋｇ</t>
    <phoneticPr fontId="1"/>
  </si>
  <si>
    <t>(          　　　　　　   )</t>
    <phoneticPr fontId="1"/>
  </si>
  <si>
    <t>(        　　　　　　     )</t>
    <phoneticPr fontId="1"/>
  </si>
  <si>
    <t>(      　　　　　　       )</t>
    <phoneticPr fontId="1"/>
  </si>
  <si>
    <t>(    　　　　　　         )</t>
    <phoneticPr fontId="1"/>
  </si>
  <si>
    <t>（薬品名　　　　　　　　　　　　　　　　　　　　　　）</t>
    <rPh sb="1" eb="3">
      <t>ヤクヒン</t>
    </rPh>
    <rPh sb="3" eb="4">
      <t>メイ</t>
    </rPh>
    <phoneticPr fontId="1"/>
  </si>
  <si>
    <t>（　　　　　　　　　　　　　　　　　　　　　　　 　　　）　</t>
    <phoneticPr fontId="1"/>
  </si>
  <si>
    <t>常時同条件での吸入</t>
  </si>
  <si>
    <t>体調の変化により吸入</t>
    <phoneticPr fontId="1"/>
  </si>
  <si>
    <t>酸素マスク</t>
  </si>
  <si>
    <t>酸素鼻孔カニューレ</t>
    <phoneticPr fontId="1"/>
  </si>
  <si>
    <t>その他</t>
    <phoneticPr fontId="1"/>
  </si>
  <si>
    <t>常時吸入</t>
  </si>
  <si>
    <t>適時吸入</t>
  </si>
  <si>
    <t>噴霧吸入</t>
    <phoneticPr fontId="1"/>
  </si>
  <si>
    <t>薬剤名：</t>
    <phoneticPr fontId="1"/>
  </si>
  <si>
    <t>時間：</t>
    <phoneticPr fontId="1"/>
  </si>
  <si>
    <t>量：</t>
    <phoneticPr fontId="1"/>
  </si>
  <si>
    <t>実施時間の目安：</t>
    <phoneticPr fontId="1"/>
  </si>
  <si>
    <t>モード：</t>
    <phoneticPr fontId="1"/>
  </si>
  <si>
    <t>A/C</t>
    <phoneticPr fontId="1"/>
  </si>
  <si>
    <t>SIMV</t>
    <phoneticPr fontId="1"/>
  </si>
  <si>
    <t>CPAP</t>
    <phoneticPr fontId="1"/>
  </si>
  <si>
    <t>注入量：　　　　　　</t>
    <phoneticPr fontId="1"/>
  </si>
  <si>
    <t>ｃｃ</t>
  </si>
  <si>
    <t>経鼻チューブ</t>
  </si>
  <si>
    <t>胃ろう</t>
  </si>
  <si>
    <t>腸ろう</t>
  </si>
  <si>
    <t>中心静脈栄養（ＩＶＨ）</t>
  </si>
  <si>
    <t>（　　　　　　　　　　　）</t>
    <phoneticPr fontId="1"/>
  </si>
  <si>
    <t>その他</t>
    <phoneticPr fontId="1"/>
  </si>
  <si>
    <t>医療ケア</t>
    <rPh sb="0" eb="2">
      <t>イリョウ</t>
    </rPh>
    <phoneticPr fontId="1"/>
  </si>
  <si>
    <t>災害に備えて用意しておくもの（準備したものを持って避難しよう！）</t>
    <rPh sb="15" eb="17">
      <t>ジュンビ</t>
    </rPh>
    <rPh sb="22" eb="23">
      <t>モ</t>
    </rPh>
    <phoneticPr fontId="1"/>
  </si>
  <si>
    <t>チェック</t>
    <phoneticPr fontId="1"/>
  </si>
  <si>
    <t>医療的ケアの状況（　　　　　　　年　　　　　月現在）</t>
    <rPh sb="0" eb="3">
      <t>イリョウテキ</t>
    </rPh>
    <rPh sb="6" eb="8">
      <t>ジョウキョウ</t>
    </rPh>
    <rPh sb="16" eb="17">
      <t>ネン</t>
    </rPh>
    <rPh sb="22" eb="23">
      <t>ガツ</t>
    </rPh>
    <rPh sb="23" eb="25">
      <t>ゲンザイ</t>
    </rPh>
    <phoneticPr fontId="1"/>
  </si>
  <si>
    <t>呼吸障害：</t>
    <phoneticPr fontId="1"/>
  </si>
  <si>
    <t>普段置いてある場所</t>
    <rPh sb="0" eb="2">
      <t>フダン</t>
    </rPh>
    <phoneticPr fontId="1"/>
  </si>
  <si>
    <t>在庫場所</t>
    <rPh sb="0" eb="2">
      <t>ザイコ</t>
    </rPh>
    <rPh sb="2" eb="4">
      <t>バショ</t>
    </rPh>
    <phoneticPr fontId="1"/>
  </si>
  <si>
    <t>個数</t>
    <rPh sb="0" eb="2">
      <t>コスウ</t>
    </rPh>
    <phoneticPr fontId="1"/>
  </si>
  <si>
    <t>カニューレの予備</t>
    <rPh sb="6" eb="8">
      <t>ヨビ</t>
    </rPh>
    <phoneticPr fontId="1"/>
  </si>
  <si>
    <t>バンドの予備</t>
    <rPh sb="4" eb="6">
      <t>ヨビ</t>
    </rPh>
    <phoneticPr fontId="1"/>
  </si>
  <si>
    <t>針(インシュリン・ＩＶＨ）の予備</t>
    <rPh sb="0" eb="1">
      <t>ハリ</t>
    </rPh>
    <rPh sb="14" eb="16">
      <t>ヨビ</t>
    </rPh>
    <phoneticPr fontId="1"/>
  </si>
  <si>
    <t>畜便・蓄尿袋</t>
    <rPh sb="0" eb="1">
      <t>チク</t>
    </rPh>
    <rPh sb="1" eb="2">
      <t>ベン</t>
    </rPh>
    <rPh sb="3" eb="5">
      <t>チクニョウ</t>
    </rPh>
    <rPh sb="5" eb="6">
      <t>ブクロ</t>
    </rPh>
    <phoneticPr fontId="1"/>
  </si>
  <si>
    <t>オムツ</t>
  </si>
  <si>
    <t>懐中電灯</t>
    <rPh sb="0" eb="2">
      <t>カイチュウ</t>
    </rPh>
    <rPh sb="2" eb="4">
      <t>デントウ</t>
    </rPh>
    <phoneticPr fontId="1"/>
  </si>
  <si>
    <t>非常食（アレルギー対応食）</t>
    <rPh sb="0" eb="3">
      <t>ヒジョウショク</t>
    </rPh>
    <rPh sb="9" eb="11">
      <t>タイオウ</t>
    </rPh>
    <rPh sb="11" eb="12">
      <t>ショク</t>
    </rPh>
    <phoneticPr fontId="1"/>
  </si>
  <si>
    <t>非常飲料（本人用）</t>
    <rPh sb="0" eb="2">
      <t>ヒジョウ</t>
    </rPh>
    <rPh sb="2" eb="4">
      <t>インリョウ</t>
    </rPh>
    <rPh sb="5" eb="7">
      <t>ホンニン</t>
    </rPh>
    <rPh sb="7" eb="8">
      <t>ヨウ</t>
    </rPh>
    <phoneticPr fontId="1"/>
  </si>
  <si>
    <t>非常食（本人用）</t>
    <rPh sb="0" eb="3">
      <t>ヒジョウショク</t>
    </rPh>
    <rPh sb="4" eb="6">
      <t>ホンニン</t>
    </rPh>
    <rPh sb="6" eb="7">
      <t>ヨウ</t>
    </rPh>
    <phoneticPr fontId="1"/>
  </si>
  <si>
    <t>備考：何日も家で過ごすことを想定して、在庫場所なども追加してください。</t>
    <rPh sb="0" eb="2">
      <t>ビコウ</t>
    </rPh>
    <rPh sb="3" eb="5">
      <t>ナンニチ</t>
    </rPh>
    <rPh sb="6" eb="7">
      <t>イエ</t>
    </rPh>
    <rPh sb="8" eb="9">
      <t>ス</t>
    </rPh>
    <rPh sb="14" eb="16">
      <t>ソウテイ</t>
    </rPh>
    <rPh sb="19" eb="21">
      <t>ザイコ</t>
    </rPh>
    <rPh sb="21" eb="23">
      <t>バショ</t>
    </rPh>
    <rPh sb="26" eb="28">
      <t>ツイカ</t>
    </rPh>
    <phoneticPr fontId="1"/>
  </si>
  <si>
    <t>好きなもの</t>
    <rPh sb="0" eb="1">
      <t>ス</t>
    </rPh>
    <phoneticPr fontId="1"/>
  </si>
  <si>
    <t>児童発達支援・放課後等デイ</t>
    <rPh sb="7" eb="10">
      <t>ホウカゴ</t>
    </rPh>
    <rPh sb="10" eb="11">
      <t>トウ</t>
    </rPh>
    <phoneticPr fontId="1"/>
  </si>
  <si>
    <t>季節の違い</t>
    <rPh sb="0" eb="2">
      <t>キセツ</t>
    </rPh>
    <rPh sb="3" eb="4">
      <t>チガ</t>
    </rPh>
    <phoneticPr fontId="1"/>
  </si>
  <si>
    <t>昼夜の違い</t>
    <rPh sb="0" eb="2">
      <t>チュウヤ</t>
    </rPh>
    <rPh sb="3" eb="4">
      <t>チガ</t>
    </rPh>
    <phoneticPr fontId="1"/>
  </si>
  <si>
    <t>外の顔と家の顔の違い</t>
    <rPh sb="0" eb="1">
      <t>ソト</t>
    </rPh>
    <rPh sb="2" eb="3">
      <t>カオ</t>
    </rPh>
    <rPh sb="4" eb="5">
      <t>イエ</t>
    </rPh>
    <rPh sb="6" eb="7">
      <t>カオ</t>
    </rPh>
    <rPh sb="8" eb="9">
      <t>チガ</t>
    </rPh>
    <phoneticPr fontId="1"/>
  </si>
  <si>
    <t>子どもの特徴</t>
    <rPh sb="0" eb="1">
      <t>コ</t>
    </rPh>
    <rPh sb="4" eb="6">
      <t>トクチョウ</t>
    </rPh>
    <phoneticPr fontId="1"/>
  </si>
  <si>
    <t>好きな歌</t>
    <rPh sb="0" eb="1">
      <t>ス</t>
    </rPh>
    <rPh sb="3" eb="4">
      <t>ウタ</t>
    </rPh>
    <phoneticPr fontId="1"/>
  </si>
  <si>
    <t>苦手なもの</t>
    <rPh sb="0" eb="2">
      <t>ニガテ</t>
    </rPh>
    <phoneticPr fontId="1"/>
  </si>
  <si>
    <t xml:space="preserve"> </t>
  </si>
  <si>
    <t xml:space="preserve">   </t>
  </si>
  <si>
    <t>好きなもの：</t>
    <rPh sb="0" eb="1">
      <t>ス</t>
    </rPh>
    <phoneticPr fontId="1"/>
  </si>
  <si>
    <t>落ち着けるもの：</t>
    <rPh sb="0" eb="1">
      <t>オ</t>
    </rPh>
    <rPh sb="2" eb="3">
      <t>ツ</t>
    </rPh>
    <phoneticPr fontId="1"/>
  </si>
  <si>
    <t>ケアの際に気を付けてほしいこと</t>
    <phoneticPr fontId="1"/>
  </si>
  <si>
    <t>季節による違い</t>
    <rPh sb="0" eb="2">
      <t>キセツ</t>
    </rPh>
    <rPh sb="5" eb="6">
      <t>チガ</t>
    </rPh>
    <phoneticPr fontId="1"/>
  </si>
  <si>
    <t>　　苦手なもの・人・こと：</t>
    <rPh sb="2" eb="4">
      <t>ニガテ</t>
    </rPh>
    <rPh sb="8" eb="9">
      <t>ヒト</t>
    </rPh>
    <phoneticPr fontId="1"/>
  </si>
  <si>
    <t>　　好きなもの・人・こと：</t>
    <rPh sb="2" eb="3">
      <t>ス</t>
    </rPh>
    <rPh sb="8" eb="9">
      <t>ヒト</t>
    </rPh>
    <phoneticPr fontId="1"/>
  </si>
  <si>
    <t>　　落ち着けるもの・人・こと：</t>
    <rPh sb="2" eb="3">
      <t>オ</t>
    </rPh>
    <rPh sb="4" eb="5">
      <t>ツ</t>
    </rPh>
    <rPh sb="10" eb="11">
      <t>ヒト</t>
    </rPh>
    <phoneticPr fontId="1"/>
  </si>
  <si>
    <t>　　その他：</t>
    <rPh sb="4" eb="5">
      <t>タ</t>
    </rPh>
    <phoneticPr fontId="1"/>
  </si>
  <si>
    <t>昼と夜の違い　など</t>
    <rPh sb="0" eb="1">
      <t>ヒル</t>
    </rPh>
    <rPh sb="2" eb="3">
      <t>ヨル</t>
    </rPh>
    <rPh sb="4" eb="5">
      <t>チガ</t>
    </rPh>
    <phoneticPr fontId="1"/>
  </si>
  <si>
    <t>「医療的ケア☆サポートハンドブック」</t>
    <rPh sb="1" eb="4">
      <t>イリョウテキ</t>
    </rPh>
    <phoneticPr fontId="1"/>
  </si>
  <si>
    <t>事務局：伊丹市　こども福祉課</t>
    <rPh sb="0" eb="3">
      <t>ジムキョク</t>
    </rPh>
    <rPh sb="4" eb="6">
      <t>イタミ</t>
    </rPh>
    <rPh sb="6" eb="7">
      <t>シ</t>
    </rPh>
    <rPh sb="11" eb="14">
      <t>フクシカ</t>
    </rPh>
    <phoneticPr fontId="1"/>
  </si>
  <si>
    <t>電話　　　０７２－７８４－８１２７</t>
    <rPh sb="0" eb="2">
      <t>デンワ</t>
    </rPh>
    <phoneticPr fontId="1"/>
  </si>
  <si>
    <t>（あすぱる）</t>
    <phoneticPr fontId="1"/>
  </si>
  <si>
    <t>（　　　　）</t>
    <phoneticPr fontId="1"/>
  </si>
  <si>
    <t>カフエア- 　　　   　　</t>
    <phoneticPr fontId="1"/>
  </si>
  <si>
    <t>実施の目安：                                
                       夜間と９０％を切ったとき</t>
    <rPh sb="63" eb="65">
      <t>ヤカン</t>
    </rPh>
    <rPh sb="70" eb="71">
      <t>キ</t>
    </rPh>
    <phoneticPr fontId="1"/>
  </si>
  <si>
    <t>(　　)</t>
    <phoneticPr fontId="1"/>
  </si>
  <si>
    <t>サイズ：　　　　　</t>
    <phoneticPr fontId="1"/>
  </si>
  <si>
    <t>　㎝</t>
    <phoneticPr fontId="1"/>
  </si>
  <si>
    <t>㎝固定</t>
    <phoneticPr fontId="1"/>
  </si>
  <si>
    <t>サイズ：　　　　　　　　　　　　　　</t>
    <phoneticPr fontId="1"/>
  </si>
  <si>
    <t>Ｆｒ</t>
  </si>
  <si>
    <t>注入量：　　　　　　</t>
    <phoneticPr fontId="1"/>
  </si>
  <si>
    <t>（　　　）</t>
    <phoneticPr fontId="1"/>
  </si>
  <si>
    <t>注入方法：　　　　　　　　　　</t>
    <phoneticPr fontId="1"/>
  </si>
  <si>
    <t>注入時間：</t>
    <phoneticPr fontId="1"/>
  </si>
  <si>
    <t>人工呼吸器緊急連絡先：</t>
    <phoneticPr fontId="1"/>
  </si>
  <si>
    <t>（　　　　）</t>
    <phoneticPr fontId="1"/>
  </si>
  <si>
    <t>回/1時間</t>
  </si>
  <si>
    <t>　　呼吸回数（　　　　　　　　　）　　回/分</t>
    <rPh sb="19" eb="20">
      <t>カイ</t>
    </rPh>
    <rPh sb="21" eb="22">
      <t>フン</t>
    </rPh>
    <phoneticPr fontId="1"/>
  </si>
  <si>
    <t>　　SpO2    （       　　　　　　　   ）    ％</t>
    <phoneticPr fontId="1"/>
  </si>
  <si>
    <t>　　一回換気量　　　　　　　　 ）　　ml/回</t>
    <rPh sb="22" eb="23">
      <t>カイ</t>
    </rPh>
    <phoneticPr fontId="1"/>
  </si>
  <si>
    <t>あり</t>
  </si>
  <si>
    <t>　関西電力　阪神営業所　ＴＥＬ　：０８００－７７７－３０８１</t>
    <phoneticPr fontId="1"/>
  </si>
  <si>
    <t>　我が家の電力会社　TEL：　　　　　　　　　　　　　　　　　　　　　　</t>
    <rPh sb="1" eb="2">
      <t>ワ</t>
    </rPh>
    <rPh sb="3" eb="4">
      <t>ヤ</t>
    </rPh>
    <rPh sb="5" eb="7">
      <t>デンリョク</t>
    </rPh>
    <rPh sb="7" eb="9">
      <t>ガイシャ</t>
    </rPh>
    <phoneticPr fontId="1"/>
  </si>
  <si>
    <t>　＊関西電力以外の会社と契約がある場合</t>
    <rPh sb="6" eb="8">
      <t>イガイ</t>
    </rPh>
    <rPh sb="9" eb="11">
      <t>カイシャ</t>
    </rPh>
    <rPh sb="12" eb="14">
      <t>ケイヤク</t>
    </rPh>
    <rPh sb="17" eb="19">
      <t>バアイ</t>
    </rPh>
    <phoneticPr fontId="1"/>
  </si>
  <si>
    <t>電話　　　０７２－７８４－８１２８</t>
    <rPh sb="0" eb="2">
      <t>デンワ</t>
    </rPh>
    <phoneticPr fontId="1"/>
  </si>
  <si>
    <t>　　　　　伊丹市立こども発達支援センター</t>
    <rPh sb="5" eb="8">
      <t>イタミシ</t>
    </rPh>
    <rPh sb="8" eb="9">
      <t>リツ</t>
    </rPh>
    <rPh sb="12" eb="14">
      <t>ハッタツ</t>
    </rPh>
    <rPh sb="14" eb="16">
      <t>シエン</t>
    </rPh>
    <phoneticPr fontId="1"/>
  </si>
  <si>
    <t>*情報元の追記</t>
    <rPh sb="1" eb="3">
      <t>ジョウホウ</t>
    </rPh>
    <rPh sb="3" eb="4">
      <t>モト</t>
    </rPh>
    <rPh sb="5" eb="7">
      <t>ツイキ</t>
    </rPh>
    <phoneticPr fontId="1"/>
  </si>
  <si>
    <t>(  　　　  )</t>
    <phoneticPr fontId="1"/>
  </si>
  <si>
    <t>口腔内（　　　　　Ｆｒ）</t>
    <phoneticPr fontId="1"/>
  </si>
  <si>
    <t>気管内（　　　　　Ｆｒ）</t>
    <phoneticPr fontId="1"/>
  </si>
  <si>
    <t>（ 　　　）</t>
    <phoneticPr fontId="1"/>
  </si>
  <si>
    <t>(　　　　)</t>
    <phoneticPr fontId="1"/>
  </si>
  <si>
    <t>（1回　　分で）</t>
    <rPh sb="2" eb="3">
      <t>カイ</t>
    </rPh>
    <rPh sb="5" eb="6">
      <t>フン</t>
    </rPh>
    <phoneticPr fontId="1"/>
  </si>
  <si>
    <t>発行者：伊丹市障害者地域自立支援協議会</t>
    <rPh sb="0" eb="3">
      <t>ハッコウシャ</t>
    </rPh>
    <rPh sb="4" eb="6">
      <t>イタミ</t>
    </rPh>
    <rPh sb="6" eb="7">
      <t>シ</t>
    </rPh>
    <rPh sb="7" eb="9">
      <t>ショウガイ</t>
    </rPh>
    <rPh sb="9" eb="10">
      <t>シャ</t>
    </rPh>
    <rPh sb="10" eb="12">
      <t>チイキ</t>
    </rPh>
    <rPh sb="12" eb="14">
      <t>ジリツ</t>
    </rPh>
    <rPh sb="14" eb="16">
      <t>シエン</t>
    </rPh>
    <rPh sb="16" eb="19">
      <t>キョウギカイ</t>
    </rPh>
    <phoneticPr fontId="1"/>
  </si>
  <si>
    <t>必要な項目は■を選びます</t>
    <rPh sb="0" eb="2">
      <t>ヒツヨウ</t>
    </rPh>
    <rPh sb="3" eb="5">
      <t>コウモク</t>
    </rPh>
    <rPh sb="8" eb="9">
      <t>エラ</t>
    </rPh>
    <phoneticPr fontId="1"/>
  </si>
  <si>
    <t>★吸引器のバッテリー持続時間は連続使用で概ね(　　　　    分）</t>
    <rPh sb="31" eb="32">
      <t>フン</t>
    </rPh>
    <phoneticPr fontId="1"/>
  </si>
  <si>
    <t>（　　　式）</t>
    <rPh sb="4" eb="5">
      <t>シキ</t>
    </rPh>
    <phoneticPr fontId="1"/>
  </si>
  <si>
    <t>□</t>
    <phoneticPr fontId="1"/>
  </si>
  <si>
    <r>
      <t>アレルゲン：</t>
    </r>
    <r>
      <rPr>
        <b/>
        <sz val="10.5"/>
        <color rgb="FFFF0000"/>
        <rFont val="ＭＳ Ｐゴシック"/>
        <family val="3"/>
        <charset val="128"/>
        <scheme val="minor"/>
      </rPr>
      <t>小麦</t>
    </r>
    <rPh sb="6" eb="8">
      <t>コムギ</t>
    </rPh>
    <phoneticPr fontId="1"/>
  </si>
  <si>
    <r>
      <t>症状：</t>
    </r>
    <r>
      <rPr>
        <b/>
        <sz val="10.5"/>
        <color rgb="FFFF0000"/>
        <rFont val="ＭＳ Ｐゴシック"/>
        <family val="3"/>
        <charset val="128"/>
        <scheme val="minor"/>
      </rPr>
      <t>アナフィラキシー症状</t>
    </r>
    <rPh sb="11" eb="13">
      <t>ショウジョウ</t>
    </rPh>
    <phoneticPr fontId="1"/>
  </si>
  <si>
    <r>
      <t>対応：</t>
    </r>
    <r>
      <rPr>
        <b/>
        <sz val="10.5"/>
        <color rgb="FFFF0000"/>
        <rFont val="ＭＳ Ｐゴシック"/>
        <family val="3"/>
        <charset val="128"/>
        <scheme val="minor"/>
      </rPr>
      <t>エピ投与</t>
    </r>
    <rPh sb="5" eb="7">
      <t>トウヨ</t>
    </rPh>
    <phoneticPr fontId="1"/>
  </si>
  <si>
    <r>
      <t>薬剤名：</t>
    </r>
    <r>
      <rPr>
        <b/>
        <sz val="10.5"/>
        <color rgb="FFFF0000"/>
        <rFont val="ＭＳ Ｐゴシック"/>
        <family val="3"/>
        <charset val="128"/>
        <scheme val="minor"/>
      </rPr>
      <t>デパケン（けいれん発作の薬）</t>
    </r>
    <rPh sb="0" eb="2">
      <t>ヤクザイ</t>
    </rPh>
    <rPh sb="2" eb="3">
      <t>メイ</t>
    </rPh>
    <rPh sb="13" eb="15">
      <t>ホッサ</t>
    </rPh>
    <rPh sb="16" eb="17">
      <t>クスリ</t>
    </rPh>
    <phoneticPr fontId="1"/>
  </si>
  <si>
    <r>
      <t>頻度：</t>
    </r>
    <r>
      <rPr>
        <b/>
        <sz val="10.5"/>
        <color rgb="FFFF0000"/>
        <rFont val="ＭＳ Ｐゴシック"/>
        <family val="3"/>
        <charset val="128"/>
        <scheme val="minor"/>
      </rPr>
      <t>２回/１日</t>
    </r>
    <rPh sb="0" eb="2">
      <t>ヒンド</t>
    </rPh>
    <rPh sb="4" eb="5">
      <t>カイ</t>
    </rPh>
    <rPh sb="7" eb="8">
      <t>ニチ</t>
    </rPh>
    <phoneticPr fontId="1"/>
  </si>
  <si>
    <r>
      <t>（薬品名　　　　　</t>
    </r>
    <r>
      <rPr>
        <b/>
        <sz val="11"/>
        <color rgb="FFFF0000"/>
        <rFont val="ＭＳ Ｐゴシック"/>
        <family val="3"/>
        <charset val="128"/>
        <scheme val="minor"/>
      </rPr>
      <t>ダイアップ</t>
    </r>
    <r>
      <rPr>
        <sz val="11"/>
        <color theme="1"/>
        <rFont val="ＭＳ Ｐゴシック"/>
        <family val="3"/>
        <charset val="128"/>
        <scheme val="minor"/>
      </rPr>
      <t>　　　　　　　　　　　　　　　　　）</t>
    </r>
    <rPh sb="1" eb="3">
      <t>ヤクヒン</t>
    </rPh>
    <rPh sb="3" eb="4">
      <t>メイ</t>
    </rPh>
    <phoneticPr fontId="1"/>
  </si>
  <si>
    <r>
      <t>予兆：　</t>
    </r>
    <r>
      <rPr>
        <b/>
        <sz val="10.5"/>
        <color rgb="FFFF0000"/>
        <rFont val="ＭＳ Ｐゴシック"/>
        <family val="3"/>
        <charset val="128"/>
        <scheme val="minor"/>
      </rPr>
      <t>眼球が右上を向いて、全身が反る</t>
    </r>
    <rPh sb="4" eb="6">
      <t>ガンキュウ</t>
    </rPh>
    <rPh sb="7" eb="8">
      <t>ミギ</t>
    </rPh>
    <rPh sb="8" eb="9">
      <t>ウエ</t>
    </rPh>
    <rPh sb="10" eb="11">
      <t>ム</t>
    </rPh>
    <rPh sb="14" eb="16">
      <t>ゼンシン</t>
    </rPh>
    <rPh sb="17" eb="18">
      <t>ソ</t>
    </rPh>
    <phoneticPr fontId="1"/>
  </si>
  <si>
    <t>あり</t>
    <phoneticPr fontId="1"/>
  </si>
  <si>
    <t>鼻腔内（　　５　　Ｆｒ）</t>
    <phoneticPr fontId="1"/>
  </si>
  <si>
    <t>気管内（　　５　　Ｆｒ）</t>
    <phoneticPr fontId="1"/>
  </si>
  <si>
    <r>
      <t>(  　　</t>
    </r>
    <r>
      <rPr>
        <b/>
        <sz val="11"/>
        <color rgb="FFFF0000"/>
        <rFont val="ＭＳ Ｐゴシック"/>
        <family val="3"/>
        <charset val="128"/>
        <scheme val="minor"/>
      </rPr>
      <t>２</t>
    </r>
    <r>
      <rPr>
        <sz val="11"/>
        <color theme="1"/>
        <rFont val="ＭＳ Ｐゴシック"/>
        <family val="3"/>
        <charset val="128"/>
        <scheme val="minor"/>
      </rPr>
      <t>　  )</t>
    </r>
    <phoneticPr fontId="1"/>
  </si>
  <si>
    <r>
      <t>注意点：</t>
    </r>
    <r>
      <rPr>
        <b/>
        <sz val="10.5"/>
        <color rgb="FFFF0000"/>
        <rFont val="ＭＳ Ｐゴシック"/>
        <family val="3"/>
        <charset val="128"/>
        <scheme val="minor"/>
      </rPr>
      <t>口腔奥に入れすぎると、嘔吐することがあります。
　　　　　咳をするタイミングで吸引するとよく取れます。</t>
    </r>
    <rPh sb="0" eb="3">
      <t>チュウイテン</t>
    </rPh>
    <rPh sb="4" eb="6">
      <t>コウクウ</t>
    </rPh>
    <rPh sb="6" eb="7">
      <t>オク</t>
    </rPh>
    <rPh sb="8" eb="9">
      <t>イ</t>
    </rPh>
    <rPh sb="15" eb="17">
      <t>オウト</t>
    </rPh>
    <rPh sb="33" eb="34">
      <t>セキ</t>
    </rPh>
    <rPh sb="43" eb="45">
      <t>キュウイン</t>
    </rPh>
    <rPh sb="50" eb="51">
      <t>ト</t>
    </rPh>
    <phoneticPr fontId="1"/>
  </si>
  <si>
    <r>
      <t>★吸引器のバッテリー持続時間は連続使用で概ね(　　</t>
    </r>
    <r>
      <rPr>
        <b/>
        <sz val="10"/>
        <color rgb="FFFF0000"/>
        <rFont val="ＭＳ Ｐゴシック"/>
        <family val="3"/>
        <charset val="128"/>
        <scheme val="minor"/>
      </rPr>
      <t>１８０</t>
    </r>
    <r>
      <rPr>
        <sz val="10"/>
        <color theme="1"/>
        <rFont val="ＭＳ Ｐゴシック"/>
        <family val="3"/>
        <charset val="128"/>
        <scheme val="minor"/>
      </rPr>
      <t xml:space="preserve">    分）</t>
    </r>
    <rPh sb="32" eb="33">
      <t>フン</t>
    </rPh>
    <phoneticPr fontId="1"/>
  </si>
  <si>
    <r>
      <t>薬剤名（　　　　　</t>
    </r>
    <r>
      <rPr>
        <b/>
        <sz val="10.5"/>
        <color rgb="FFFF0000"/>
        <rFont val="ＭＳ Ｐゴシック"/>
        <family val="3"/>
        <charset val="128"/>
        <scheme val="minor"/>
      </rPr>
      <t>デパケン</t>
    </r>
    <r>
      <rPr>
        <sz val="10.5"/>
        <color theme="1"/>
        <rFont val="ＭＳ Ｐゴシック"/>
        <family val="3"/>
        <charset val="128"/>
        <scheme val="minor"/>
      </rPr>
      <t>　　　　　　　　　　　　　　　　　　　　　　　　　　　　　　　　）</t>
    </r>
    <phoneticPr fontId="1"/>
  </si>
  <si>
    <r>
      <t>栄養剤名（　　　　　　</t>
    </r>
    <r>
      <rPr>
        <b/>
        <sz val="10.5"/>
        <color rgb="FFFF0000"/>
        <rFont val="ＭＳ Ｐゴシック"/>
        <family val="3"/>
        <charset val="128"/>
        <scheme val="minor"/>
      </rPr>
      <t>エネーボ</t>
    </r>
    <r>
      <rPr>
        <sz val="10.5"/>
        <color theme="1"/>
        <rFont val="ＭＳ Ｐゴシック"/>
        <family val="3"/>
        <charset val="128"/>
        <scheme val="minor"/>
      </rPr>
      <t>　　　　　　　　　　　　　　　　　　　　　　　　　）</t>
    </r>
    <rPh sb="0" eb="3">
      <t>エイヨウザイ</t>
    </rPh>
    <rPh sb="3" eb="4">
      <t>メイ</t>
    </rPh>
    <phoneticPr fontId="1"/>
  </si>
  <si>
    <t>口腔内（　　５　　Ｆｒ）</t>
    <phoneticPr fontId="1"/>
  </si>
  <si>
    <t>□</t>
    <phoneticPr fontId="1"/>
  </si>
  <si>
    <t>■</t>
    <phoneticPr fontId="1"/>
  </si>
  <si>
    <r>
      <t>(　</t>
    </r>
    <r>
      <rPr>
        <b/>
        <sz val="11"/>
        <color rgb="FFFF0000"/>
        <rFont val="ＭＳ Ｐゴシック"/>
        <family val="3"/>
        <charset val="128"/>
        <scheme val="minor"/>
      </rPr>
      <t>１</t>
    </r>
    <r>
      <rPr>
        <sz val="11"/>
        <color theme="1"/>
        <rFont val="ＭＳ Ｐゴシック"/>
        <family val="3"/>
        <charset val="128"/>
        <scheme val="minor"/>
      </rPr>
      <t>　)</t>
    </r>
    <phoneticPr fontId="1"/>
  </si>
  <si>
    <r>
      <t>(　</t>
    </r>
    <r>
      <rPr>
        <b/>
        <sz val="11"/>
        <color rgb="FFFF0000"/>
        <rFont val="ＭＳ Ｐゴシック"/>
        <family val="3"/>
        <charset val="128"/>
        <scheme val="minor"/>
      </rPr>
      <t>８５</t>
    </r>
    <r>
      <rPr>
        <sz val="11"/>
        <color theme="1"/>
        <rFont val="ＭＳ Ｐゴシック"/>
        <family val="3"/>
        <charset val="128"/>
        <scheme val="minor"/>
      </rPr>
      <t>　　)</t>
    </r>
    <phoneticPr fontId="1"/>
  </si>
  <si>
    <r>
      <t>（</t>
    </r>
    <r>
      <rPr>
        <b/>
        <sz val="11"/>
        <color rgb="FFFF0000"/>
        <rFont val="ＭＳ Ｐゴシック"/>
        <family val="3"/>
        <charset val="128"/>
        <scheme val="minor"/>
      </rPr>
      <t>ショット</t>
    </r>
    <r>
      <rPr>
        <sz val="11"/>
        <color theme="1"/>
        <rFont val="ＭＳ Ｐゴシック"/>
        <family val="2"/>
        <charset val="128"/>
        <scheme val="minor"/>
      </rPr>
      <t>）</t>
    </r>
    <phoneticPr fontId="1"/>
  </si>
  <si>
    <r>
      <t>（1回　</t>
    </r>
    <r>
      <rPr>
        <b/>
        <sz val="11"/>
        <color rgb="FFFF0000"/>
        <rFont val="ＭＳ Ｐゴシック"/>
        <family val="3"/>
        <charset val="128"/>
        <scheme val="minor"/>
      </rPr>
      <t>２０</t>
    </r>
    <r>
      <rPr>
        <sz val="11"/>
        <color theme="1"/>
        <rFont val="ＭＳ Ｐゴシック"/>
        <family val="2"/>
        <charset val="128"/>
        <scheme val="minor"/>
      </rPr>
      <t>　分で）</t>
    </r>
    <rPh sb="2" eb="3">
      <t>カイ</t>
    </rPh>
    <rPh sb="7" eb="8">
      <t>フン</t>
    </rPh>
    <phoneticPr fontId="1"/>
  </si>
  <si>
    <r>
      <t>（</t>
    </r>
    <r>
      <rPr>
        <b/>
        <sz val="11"/>
        <color rgb="FFFF0000"/>
        <rFont val="ＭＳ Ｐゴシック"/>
        <family val="3"/>
        <charset val="128"/>
        <scheme val="minor"/>
      </rPr>
      <t>ボタン式</t>
    </r>
    <r>
      <rPr>
        <sz val="11"/>
        <color theme="1"/>
        <rFont val="ＭＳ Ｐゴシック"/>
        <family val="3"/>
        <charset val="128"/>
        <scheme val="minor"/>
      </rPr>
      <t>）</t>
    </r>
    <rPh sb="4" eb="5">
      <t>シキ</t>
    </rPh>
    <phoneticPr fontId="1"/>
  </si>
  <si>
    <t xml:space="preserve">  〇年〇月〇日</t>
    <rPh sb="3" eb="4">
      <t>ネン</t>
    </rPh>
    <rPh sb="5" eb="6">
      <t>ガツ</t>
    </rPh>
    <rPh sb="7" eb="8">
      <t>ニチ</t>
    </rPh>
    <phoneticPr fontId="1"/>
  </si>
  <si>
    <t>〇年〇月〇日</t>
    <rPh sb="1" eb="2">
      <t>ネン</t>
    </rPh>
    <rPh sb="3" eb="4">
      <t>ガツ</t>
    </rPh>
    <rPh sb="5" eb="6">
      <t>ニチ</t>
    </rPh>
    <phoneticPr fontId="1"/>
  </si>
  <si>
    <t>緊急時や災害時に日常的にケアをする人が近くにいなくても、避難先や病院</t>
    <phoneticPr fontId="1"/>
  </si>
  <si>
    <t>これは医療的ケアの必要な方の命を守るための</t>
    <phoneticPr fontId="1"/>
  </si>
  <si>
    <t>ハンドブックです。</t>
    <phoneticPr fontId="1"/>
  </si>
  <si>
    <t>○緊急時・災害時を想定して作成しましたが、普段のケアの中において引き継</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3" x14ac:knownFonts="1">
    <font>
      <sz val="11"/>
      <color theme="1"/>
      <name val="ＭＳ Ｐゴシック"/>
      <family val="2"/>
      <charset val="128"/>
      <scheme val="minor"/>
    </font>
    <font>
      <sz val="6"/>
      <name val="ＭＳ Ｐゴシック"/>
      <family val="2"/>
      <charset val="128"/>
      <scheme val="minor"/>
    </font>
    <font>
      <sz val="10"/>
      <color theme="1"/>
      <name val="ＭＳ Ｐゴシック"/>
      <family val="2"/>
      <charset val="128"/>
      <scheme val="minor"/>
    </font>
    <font>
      <sz val="10"/>
      <color theme="1"/>
      <name val="ＭＳ Ｐゴシック"/>
      <family val="3"/>
      <charset val="128"/>
      <scheme val="minor"/>
    </font>
    <font>
      <sz val="11"/>
      <color theme="1"/>
      <name val="ＭＳ Ｐゴシック"/>
      <family val="3"/>
      <charset val="128"/>
      <scheme val="minor"/>
    </font>
    <font>
      <sz val="10.5"/>
      <color theme="1"/>
      <name val="ＭＳ Ｐゴシック"/>
      <family val="3"/>
      <charset val="128"/>
      <scheme val="minor"/>
    </font>
    <font>
      <sz val="11"/>
      <color theme="0"/>
      <name val="ＭＳ Ｐゴシック"/>
      <family val="2"/>
      <charset val="128"/>
      <scheme val="minor"/>
    </font>
    <font>
      <sz val="28"/>
      <color theme="1"/>
      <name val="HG創英角ﾎﾟｯﾌﾟ体"/>
      <family val="3"/>
      <charset val="128"/>
    </font>
    <font>
      <sz val="18"/>
      <color theme="1"/>
      <name val="HG創英角ﾎﾟｯﾌﾟ体"/>
      <family val="3"/>
      <charset val="128"/>
    </font>
    <font>
      <sz val="18"/>
      <color rgb="FF000000"/>
      <name val="HG創英角ﾎﾟｯﾌﾟ体"/>
      <family val="3"/>
      <charset val="128"/>
    </font>
    <font>
      <sz val="12"/>
      <color theme="1"/>
      <name val="HG創英角ﾎﾟｯﾌﾟ体"/>
      <family val="3"/>
      <charset val="128"/>
    </font>
    <font>
      <sz val="18"/>
      <color theme="1"/>
      <name val="ＭＳ Ｐゴシック"/>
      <family val="2"/>
      <charset val="128"/>
      <scheme val="minor"/>
    </font>
    <font>
      <sz val="14"/>
      <color theme="1"/>
      <name val="HG創英角ﾎﾟｯﾌﾟ体"/>
      <family val="3"/>
      <charset val="128"/>
    </font>
    <font>
      <sz val="9"/>
      <color theme="1"/>
      <name val="ＭＳ Ｐゴシック"/>
      <family val="3"/>
      <charset val="128"/>
      <scheme val="minor"/>
    </font>
    <font>
      <sz val="12"/>
      <color theme="1"/>
      <name val="ＭＳ Ｐゴシック"/>
      <family val="3"/>
      <charset val="128"/>
      <scheme val="minor"/>
    </font>
    <font>
      <sz val="18"/>
      <color theme="1"/>
      <name val="ＭＳ Ｐゴシック"/>
      <family val="3"/>
      <charset val="128"/>
      <scheme val="minor"/>
    </font>
    <font>
      <sz val="14"/>
      <color theme="1"/>
      <name val="ＭＳ Ｐゴシック"/>
      <family val="3"/>
      <charset val="128"/>
      <scheme val="minor"/>
    </font>
    <font>
      <b/>
      <sz val="18"/>
      <color theme="1"/>
      <name val="ＭＳ Ｐゴシック"/>
      <family val="3"/>
      <charset val="128"/>
      <scheme val="minor"/>
    </font>
    <font>
      <b/>
      <sz val="11"/>
      <color rgb="FFFF0000"/>
      <name val="ＭＳ Ｐゴシック"/>
      <family val="3"/>
      <charset val="128"/>
      <scheme val="minor"/>
    </font>
    <font>
      <b/>
      <u/>
      <sz val="11"/>
      <color rgb="FFFF0000"/>
      <name val="ＭＳ Ｐゴシック"/>
      <family val="3"/>
      <charset val="128"/>
      <scheme val="minor"/>
    </font>
    <font>
      <sz val="11"/>
      <color rgb="FFFF0000"/>
      <name val="ＭＳ Ｐゴシック"/>
      <family val="3"/>
      <charset val="128"/>
      <scheme val="minor"/>
    </font>
    <font>
      <b/>
      <sz val="10.5"/>
      <color rgb="FFFF0000"/>
      <name val="ＭＳ Ｐゴシック"/>
      <family val="3"/>
      <charset val="128"/>
      <scheme val="minor"/>
    </font>
    <font>
      <b/>
      <sz val="10"/>
      <color rgb="FFFF0000"/>
      <name val="ＭＳ Ｐゴシック"/>
      <family val="3"/>
      <charset val="128"/>
      <scheme val="minor"/>
    </font>
  </fonts>
  <fills count="4">
    <fill>
      <patternFill patternType="none"/>
    </fill>
    <fill>
      <patternFill patternType="gray125"/>
    </fill>
    <fill>
      <patternFill patternType="solid">
        <fgColor theme="0"/>
        <bgColor indexed="64"/>
      </patternFill>
    </fill>
    <fill>
      <patternFill patternType="solid">
        <fgColor rgb="FFFFFF00"/>
        <bgColor indexed="64"/>
      </patternFill>
    </fill>
  </fills>
  <borders count="58">
    <border>
      <left/>
      <right/>
      <top/>
      <bottom/>
      <diagonal/>
    </border>
    <border>
      <left style="thin">
        <color auto="1"/>
      </left>
      <right/>
      <top style="thin">
        <color auto="1"/>
      </top>
      <bottom style="thin">
        <color auto="1"/>
      </bottom>
      <diagonal/>
    </border>
    <border>
      <left/>
      <right/>
      <top style="thin">
        <color auto="1"/>
      </top>
      <bottom style="thin">
        <color auto="1"/>
      </bottom>
      <diagonal/>
    </border>
    <border>
      <left/>
      <right style="thin">
        <color auto="1"/>
      </right>
      <top style="thin">
        <color auto="1"/>
      </top>
      <bottom style="thin">
        <color auto="1"/>
      </bottom>
      <diagonal/>
    </border>
    <border>
      <left/>
      <right/>
      <top style="thin">
        <color auto="1"/>
      </top>
      <bottom/>
      <diagonal/>
    </border>
    <border>
      <left style="thin">
        <color auto="1"/>
      </left>
      <right/>
      <top/>
      <bottom/>
      <diagonal/>
    </border>
    <border>
      <left/>
      <right/>
      <top/>
      <bottom style="thin">
        <color auto="1"/>
      </bottom>
      <diagonal/>
    </border>
    <border>
      <left/>
      <right style="medium">
        <color indexed="64"/>
      </right>
      <top style="medium">
        <color indexed="64"/>
      </top>
      <bottom/>
      <diagonal/>
    </border>
    <border>
      <left/>
      <right style="medium">
        <color indexed="64"/>
      </right>
      <top/>
      <bottom/>
      <diagonal/>
    </border>
    <border>
      <left/>
      <right style="medium">
        <color indexed="64"/>
      </right>
      <top/>
      <bottom style="medium">
        <color indexed="64"/>
      </bottom>
      <diagonal/>
    </border>
    <border>
      <left style="medium">
        <color indexed="64"/>
      </left>
      <right/>
      <top style="medium">
        <color indexed="64"/>
      </top>
      <bottom/>
      <diagonal/>
    </border>
    <border>
      <left/>
      <right/>
      <top style="medium">
        <color indexed="64"/>
      </top>
      <bottom/>
      <diagonal/>
    </border>
    <border>
      <left style="medium">
        <color indexed="64"/>
      </left>
      <right/>
      <top/>
      <bottom/>
      <diagonal/>
    </border>
    <border>
      <left style="medium">
        <color indexed="64"/>
      </left>
      <right/>
      <top/>
      <bottom style="medium">
        <color indexed="64"/>
      </bottom>
      <diagonal/>
    </border>
    <border>
      <left/>
      <right/>
      <top/>
      <bottom style="medium">
        <color indexed="64"/>
      </bottom>
      <diagonal/>
    </border>
    <border>
      <left style="thin">
        <color auto="1"/>
      </left>
      <right/>
      <top style="medium">
        <color indexed="64"/>
      </top>
      <bottom/>
      <diagonal/>
    </border>
    <border>
      <left style="medium">
        <color indexed="64"/>
      </left>
      <right/>
      <top/>
      <bottom style="thin">
        <color auto="1"/>
      </bottom>
      <diagonal/>
    </border>
    <border>
      <left/>
      <right style="medium">
        <color indexed="64"/>
      </right>
      <top/>
      <bottom style="thin">
        <color auto="1"/>
      </bottom>
      <diagonal/>
    </border>
    <border>
      <left/>
      <right style="medium">
        <color indexed="64"/>
      </right>
      <top style="thin">
        <color auto="1"/>
      </top>
      <bottom/>
      <diagonal/>
    </border>
    <border>
      <left/>
      <right/>
      <top style="thin">
        <color auto="1"/>
      </top>
      <bottom style="medium">
        <color indexed="64"/>
      </bottom>
      <diagonal/>
    </border>
    <border>
      <left/>
      <right/>
      <top/>
      <bottom style="thick">
        <color auto="1"/>
      </bottom>
      <diagonal/>
    </border>
    <border>
      <left style="medium">
        <color indexed="64"/>
      </left>
      <right style="thin">
        <color auto="1"/>
      </right>
      <top/>
      <bottom style="thin">
        <color indexed="64"/>
      </bottom>
      <diagonal/>
    </border>
    <border>
      <left style="medium">
        <color indexed="64"/>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medium">
        <color indexed="64"/>
      </right>
      <top style="medium">
        <color indexed="64"/>
      </top>
      <bottom style="medium">
        <color indexed="64"/>
      </bottom>
      <diagonal/>
    </border>
    <border>
      <left/>
      <right style="thin">
        <color auto="1"/>
      </right>
      <top style="thin">
        <color auto="1"/>
      </top>
      <bottom style="medium">
        <color indexed="64"/>
      </bottom>
      <diagonal/>
    </border>
    <border>
      <left/>
      <right/>
      <top style="medium">
        <color indexed="64"/>
      </top>
      <bottom style="thin">
        <color auto="1"/>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medium">
        <color indexed="64"/>
      </left>
      <right style="thin">
        <color auto="1"/>
      </right>
      <top style="medium">
        <color indexed="64"/>
      </top>
      <bottom/>
      <diagonal/>
    </border>
    <border>
      <left style="medium">
        <color indexed="64"/>
      </left>
      <right style="thin">
        <color auto="1"/>
      </right>
      <top/>
      <bottom/>
      <diagonal/>
    </border>
    <border>
      <left style="medium">
        <color indexed="64"/>
      </left>
      <right style="thin">
        <color indexed="64"/>
      </right>
      <top style="thin">
        <color auto="1"/>
      </top>
      <bottom/>
      <diagonal/>
    </border>
    <border>
      <left style="medium">
        <color indexed="64"/>
      </left>
      <right style="thin">
        <color indexed="64"/>
      </right>
      <top/>
      <bottom style="medium">
        <color indexed="64"/>
      </bottom>
      <diagonal/>
    </border>
    <border>
      <left style="thin">
        <color auto="1"/>
      </left>
      <right/>
      <top style="thin">
        <color auto="1"/>
      </top>
      <bottom style="medium">
        <color indexed="64"/>
      </bottom>
      <diagonal/>
    </border>
    <border>
      <left style="medium">
        <color indexed="64"/>
      </left>
      <right style="medium">
        <color indexed="64"/>
      </right>
      <top/>
      <bottom/>
      <diagonal/>
    </border>
    <border>
      <left/>
      <right style="medium">
        <color indexed="64"/>
      </right>
      <top style="medium">
        <color indexed="64"/>
      </top>
      <bottom style="thin">
        <color indexed="64"/>
      </bottom>
      <diagonal/>
    </border>
    <border>
      <left/>
      <right style="medium">
        <color indexed="64"/>
      </right>
      <top style="medium">
        <color indexed="64"/>
      </top>
      <bottom style="medium">
        <color indexed="64"/>
      </bottom>
      <diagonal/>
    </border>
    <border>
      <left style="medium">
        <color indexed="64"/>
      </left>
      <right style="medium">
        <color indexed="64"/>
      </right>
      <top/>
      <bottom style="medium">
        <color indexed="64"/>
      </bottom>
      <diagonal/>
    </border>
    <border>
      <left style="medium">
        <color indexed="64"/>
      </left>
      <right style="medium">
        <color indexed="64"/>
      </right>
      <top style="medium">
        <color indexed="64"/>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thin">
        <color auto="1"/>
      </left>
      <right style="thin">
        <color indexed="64"/>
      </right>
      <top style="thin">
        <color auto="1"/>
      </top>
      <bottom style="thin">
        <color auto="1"/>
      </bottom>
      <diagonal/>
    </border>
    <border>
      <left style="thin">
        <color auto="1"/>
      </left>
      <right style="thin">
        <color indexed="64"/>
      </right>
      <top style="thin">
        <color auto="1"/>
      </top>
      <bottom style="medium">
        <color indexed="64"/>
      </bottom>
      <diagonal/>
    </border>
    <border>
      <left style="thin">
        <color auto="1"/>
      </left>
      <right/>
      <top/>
      <bottom style="medium">
        <color indexed="64"/>
      </bottom>
      <diagonal/>
    </border>
    <border>
      <left style="medium">
        <color indexed="64"/>
      </left>
      <right style="thin">
        <color indexed="64"/>
      </right>
      <top style="medium">
        <color indexed="64"/>
      </top>
      <bottom style="thin">
        <color auto="1"/>
      </bottom>
      <diagonal/>
    </border>
    <border>
      <left style="thin">
        <color indexed="64"/>
      </left>
      <right style="thin">
        <color indexed="64"/>
      </right>
      <top style="medium">
        <color indexed="64"/>
      </top>
      <bottom style="thin">
        <color auto="1"/>
      </bottom>
      <diagonal/>
    </border>
    <border>
      <left style="thin">
        <color indexed="64"/>
      </left>
      <right style="medium">
        <color indexed="64"/>
      </right>
      <top style="medium">
        <color indexed="64"/>
      </top>
      <bottom style="thin">
        <color auto="1"/>
      </bottom>
      <diagonal/>
    </border>
    <border>
      <left style="medium">
        <color indexed="64"/>
      </left>
      <right style="thin">
        <color indexed="64"/>
      </right>
      <top style="thin">
        <color auto="1"/>
      </top>
      <bottom style="thin">
        <color auto="1"/>
      </bottom>
      <diagonal/>
    </border>
    <border>
      <left style="thin">
        <color indexed="64"/>
      </left>
      <right style="medium">
        <color indexed="64"/>
      </right>
      <top style="thin">
        <color auto="1"/>
      </top>
      <bottom style="thin">
        <color auto="1"/>
      </bottom>
      <diagonal/>
    </border>
    <border>
      <left style="medium">
        <color indexed="64"/>
      </left>
      <right style="thin">
        <color indexed="64"/>
      </right>
      <top style="thin">
        <color auto="1"/>
      </top>
      <bottom style="medium">
        <color indexed="64"/>
      </bottom>
      <diagonal/>
    </border>
    <border>
      <left style="thin">
        <color indexed="64"/>
      </left>
      <right style="medium">
        <color indexed="64"/>
      </right>
      <top style="thin">
        <color auto="1"/>
      </top>
      <bottom style="medium">
        <color indexed="64"/>
      </bottom>
      <diagonal/>
    </border>
    <border>
      <left style="medium">
        <color indexed="64"/>
      </left>
      <right/>
      <top style="thin">
        <color indexed="64"/>
      </top>
      <bottom/>
      <diagonal/>
    </border>
    <border>
      <left style="thin">
        <color auto="1"/>
      </left>
      <right style="thin">
        <color indexed="64"/>
      </right>
      <top/>
      <bottom style="thin">
        <color auto="1"/>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s>
  <cellStyleXfs count="1">
    <xf numFmtId="0" fontId="0" fillId="0" borderId="0">
      <alignment vertical="center"/>
    </xf>
  </cellStyleXfs>
  <cellXfs count="328">
    <xf numFmtId="0" fontId="0" fillId="0" borderId="0" xfId="0">
      <alignment vertical="center"/>
    </xf>
    <xf numFmtId="0" fontId="0" fillId="0" borderId="0" xfId="0" applyBorder="1" applyAlignment="1">
      <alignment horizontal="left" vertical="center"/>
    </xf>
    <xf numFmtId="0" fontId="0" fillId="0" borderId="10" xfId="0" applyBorder="1" applyAlignment="1">
      <alignment horizontal="center" vertical="center"/>
    </xf>
    <xf numFmtId="0" fontId="0" fillId="0" borderId="0" xfId="0" applyAlignment="1">
      <alignment horizontal="center" vertical="center"/>
    </xf>
    <xf numFmtId="0" fontId="5" fillId="0" borderId="12" xfId="0" applyFont="1" applyBorder="1" applyAlignment="1">
      <alignment horizontal="justify" vertical="center"/>
    </xf>
    <xf numFmtId="0" fontId="4" fillId="0" borderId="0" xfId="0" applyFont="1" applyBorder="1" applyAlignment="1">
      <alignment horizontal="justify" vertical="center"/>
    </xf>
    <xf numFmtId="0" fontId="4" fillId="0" borderId="8" xfId="0" applyFont="1" applyBorder="1" applyAlignment="1">
      <alignment horizontal="justify" vertical="center"/>
    </xf>
    <xf numFmtId="0" fontId="5" fillId="0" borderId="12" xfId="0" applyFont="1" applyBorder="1" applyAlignment="1">
      <alignment vertical="center"/>
    </xf>
    <xf numFmtId="0" fontId="4" fillId="0" borderId="0" xfId="0" applyFont="1" applyBorder="1" applyAlignment="1">
      <alignment vertical="center"/>
    </xf>
    <xf numFmtId="0" fontId="4" fillId="0" borderId="8" xfId="0" applyFont="1" applyBorder="1" applyAlignment="1">
      <alignment vertical="center"/>
    </xf>
    <xf numFmtId="0" fontId="0" fillId="0" borderId="0" xfId="0" applyAlignment="1">
      <alignment vertical="center"/>
    </xf>
    <xf numFmtId="0" fontId="0" fillId="0" borderId="15" xfId="0" applyBorder="1" applyAlignment="1">
      <alignment vertical="center"/>
    </xf>
    <xf numFmtId="0" fontId="0" fillId="0" borderId="11" xfId="0" applyBorder="1" applyAlignment="1">
      <alignment vertical="center"/>
    </xf>
    <xf numFmtId="0" fontId="0" fillId="0" borderId="7" xfId="0" applyBorder="1" applyAlignment="1">
      <alignment vertical="center"/>
    </xf>
    <xf numFmtId="0" fontId="0" fillId="0" borderId="5" xfId="0" applyBorder="1" applyAlignment="1">
      <alignment vertical="center"/>
    </xf>
    <xf numFmtId="0" fontId="0" fillId="0" borderId="0" xfId="0" applyBorder="1" applyAlignment="1">
      <alignment vertical="center"/>
    </xf>
    <xf numFmtId="0" fontId="0" fillId="0" borderId="8" xfId="0" applyBorder="1" applyAlignment="1">
      <alignment vertical="center"/>
    </xf>
    <xf numFmtId="0" fontId="0" fillId="0" borderId="1" xfId="0" applyBorder="1" applyAlignment="1">
      <alignment vertical="center"/>
    </xf>
    <xf numFmtId="0" fontId="0" fillId="0" borderId="2" xfId="0" applyBorder="1" applyAlignment="1">
      <alignment vertical="center"/>
    </xf>
    <xf numFmtId="0" fontId="0" fillId="0" borderId="3" xfId="0" applyBorder="1" applyAlignment="1">
      <alignment vertical="center"/>
    </xf>
    <xf numFmtId="0" fontId="0" fillId="0" borderId="6" xfId="0" applyBorder="1" applyAlignment="1">
      <alignment vertical="center"/>
    </xf>
    <xf numFmtId="0" fontId="0" fillId="0" borderId="17" xfId="0" applyBorder="1" applyAlignment="1">
      <alignment vertical="center"/>
    </xf>
    <xf numFmtId="0" fontId="0" fillId="0" borderId="4" xfId="0" applyBorder="1" applyAlignment="1">
      <alignment vertical="center"/>
    </xf>
    <xf numFmtId="0" fontId="4" fillId="0" borderId="12" xfId="0" applyFont="1" applyBorder="1" applyAlignment="1">
      <alignment vertical="center"/>
    </xf>
    <xf numFmtId="0" fontId="0" fillId="0" borderId="12" xfId="0" applyBorder="1" applyAlignment="1">
      <alignment vertical="center"/>
    </xf>
    <xf numFmtId="0" fontId="0" fillId="0" borderId="13" xfId="0" applyBorder="1" applyAlignment="1">
      <alignment vertical="center"/>
    </xf>
    <xf numFmtId="0" fontId="0" fillId="0" borderId="14" xfId="0" applyBorder="1" applyAlignment="1">
      <alignment vertical="center"/>
    </xf>
    <xf numFmtId="0" fontId="0" fillId="0" borderId="9" xfId="0" applyBorder="1" applyAlignment="1">
      <alignment vertical="center"/>
    </xf>
    <xf numFmtId="0" fontId="0" fillId="0" borderId="10" xfId="0" applyBorder="1" applyAlignment="1">
      <alignment vertical="center"/>
    </xf>
    <xf numFmtId="0" fontId="0" fillId="0" borderId="16" xfId="0" applyBorder="1" applyAlignment="1">
      <alignment vertical="center"/>
    </xf>
    <xf numFmtId="0" fontId="5" fillId="0" borderId="10" xfId="0" applyFont="1" applyBorder="1" applyAlignment="1">
      <alignment vertical="center"/>
    </xf>
    <xf numFmtId="0" fontId="4" fillId="0" borderId="11" xfId="0" applyFont="1" applyBorder="1" applyAlignment="1">
      <alignment vertical="center"/>
    </xf>
    <xf numFmtId="0" fontId="4" fillId="0" borderId="7" xfId="0" applyFont="1" applyBorder="1" applyAlignment="1">
      <alignment vertical="center"/>
    </xf>
    <xf numFmtId="0" fontId="4" fillId="0" borderId="13" xfId="0" applyFont="1" applyBorder="1" applyAlignment="1">
      <alignment vertical="top"/>
    </xf>
    <xf numFmtId="0" fontId="4" fillId="0" borderId="14" xfId="0" applyFont="1" applyBorder="1" applyAlignment="1">
      <alignment vertical="top"/>
    </xf>
    <xf numFmtId="0" fontId="4" fillId="0" borderId="9" xfId="0" applyFont="1" applyBorder="1" applyAlignment="1">
      <alignment vertical="top"/>
    </xf>
    <xf numFmtId="0" fontId="5" fillId="0" borderId="13" xfId="0" applyFont="1" applyBorder="1" applyAlignment="1">
      <alignment vertical="center"/>
    </xf>
    <xf numFmtId="0" fontId="4" fillId="0" borderId="14" xfId="0" applyFont="1" applyBorder="1" applyAlignment="1">
      <alignment vertical="center"/>
    </xf>
    <xf numFmtId="0" fontId="4" fillId="0" borderId="9" xfId="0" applyFont="1" applyBorder="1" applyAlignment="1">
      <alignment vertical="center"/>
    </xf>
    <xf numFmtId="0" fontId="4" fillId="0" borderId="12" xfId="0" applyFont="1" applyBorder="1" applyAlignment="1">
      <alignment vertical="top"/>
    </xf>
    <xf numFmtId="0" fontId="4" fillId="0" borderId="0" xfId="0" applyFont="1" applyBorder="1" applyAlignment="1">
      <alignment vertical="top"/>
    </xf>
    <xf numFmtId="0" fontId="4" fillId="0" borderId="8" xfId="0" applyFont="1" applyBorder="1" applyAlignment="1">
      <alignment vertical="top"/>
    </xf>
    <xf numFmtId="0" fontId="5" fillId="0" borderId="0" xfId="0" applyFont="1" applyBorder="1" applyAlignment="1">
      <alignment vertical="center"/>
    </xf>
    <xf numFmtId="0" fontId="5" fillId="0" borderId="8" xfId="0" applyFont="1" applyBorder="1" applyAlignment="1">
      <alignment vertical="center"/>
    </xf>
    <xf numFmtId="0" fontId="5" fillId="0" borderId="14" xfId="0" applyFont="1" applyBorder="1" applyAlignment="1">
      <alignment vertical="center"/>
    </xf>
    <xf numFmtId="0" fontId="5" fillId="0" borderId="9" xfId="0" applyFont="1" applyBorder="1" applyAlignment="1">
      <alignment vertical="center"/>
    </xf>
    <xf numFmtId="0" fontId="5" fillId="0" borderId="11" xfId="0" applyFont="1" applyBorder="1" applyAlignment="1">
      <alignment horizontal="justify" vertical="center"/>
    </xf>
    <xf numFmtId="0" fontId="5" fillId="0" borderId="0" xfId="0" applyFont="1" applyBorder="1" applyAlignment="1">
      <alignment horizontal="justify" vertical="center"/>
    </xf>
    <xf numFmtId="0" fontId="5" fillId="0" borderId="13" xfId="0" applyFont="1" applyBorder="1" applyAlignment="1">
      <alignment horizontal="justify" vertical="center"/>
    </xf>
    <xf numFmtId="0" fontId="4" fillId="0" borderId="14" xfId="0" applyFont="1" applyBorder="1" applyAlignment="1">
      <alignment horizontal="justify" vertical="center"/>
    </xf>
    <xf numFmtId="0" fontId="4" fillId="0" borderId="9" xfId="0" applyFont="1" applyBorder="1" applyAlignment="1">
      <alignment horizontal="justify" vertical="center"/>
    </xf>
    <xf numFmtId="0" fontId="5" fillId="0" borderId="14" xfId="0" applyFont="1" applyBorder="1" applyAlignment="1">
      <alignment horizontal="justify" vertical="center"/>
    </xf>
    <xf numFmtId="0" fontId="5" fillId="0" borderId="10" xfId="0" applyFont="1" applyBorder="1" applyAlignment="1">
      <alignment horizontal="justify" vertical="center"/>
    </xf>
    <xf numFmtId="0" fontId="4" fillId="0" borderId="11" xfId="0" applyFont="1" applyBorder="1" applyAlignment="1">
      <alignment horizontal="justify" vertical="center"/>
    </xf>
    <xf numFmtId="0" fontId="4" fillId="0" borderId="7" xfId="0" applyFont="1" applyBorder="1" applyAlignment="1">
      <alignment horizontal="justify" vertical="center"/>
    </xf>
    <xf numFmtId="0" fontId="6" fillId="0" borderId="0" xfId="0" applyFont="1" applyAlignment="1">
      <alignment vertical="center"/>
    </xf>
    <xf numFmtId="0" fontId="7" fillId="0" borderId="0" xfId="0" applyFont="1" applyAlignment="1">
      <alignment horizontal="left" vertical="center"/>
    </xf>
    <xf numFmtId="0" fontId="8" fillId="0" borderId="0" xfId="0" applyFont="1">
      <alignment vertical="center"/>
    </xf>
    <xf numFmtId="0" fontId="0" fillId="0" borderId="0" xfId="0" applyAlignment="1">
      <alignment vertical="center"/>
    </xf>
    <xf numFmtId="0" fontId="9" fillId="0" borderId="0" xfId="0" applyFont="1" applyAlignment="1">
      <alignment horizontal="left" vertical="center" readingOrder="1"/>
    </xf>
    <xf numFmtId="0" fontId="9" fillId="0" borderId="0" xfId="0" applyFont="1">
      <alignment vertical="center"/>
    </xf>
    <xf numFmtId="0" fontId="8" fillId="0" borderId="0" xfId="0" applyFont="1" applyAlignment="1">
      <alignment vertical="center"/>
    </xf>
    <xf numFmtId="0" fontId="0" fillId="0" borderId="0" xfId="0" applyAlignment="1">
      <alignment vertical="center"/>
    </xf>
    <xf numFmtId="0" fontId="8" fillId="0" borderId="0" xfId="0" applyFont="1" applyAlignment="1">
      <alignment horizontal="left" vertical="center"/>
    </xf>
    <xf numFmtId="0" fontId="0" fillId="0" borderId="20" xfId="0" applyBorder="1" applyAlignment="1">
      <alignment vertical="center"/>
    </xf>
    <xf numFmtId="0" fontId="10" fillId="0" borderId="0" xfId="0" applyFont="1" applyAlignment="1">
      <alignment horizontal="left" vertical="center"/>
    </xf>
    <xf numFmtId="0" fontId="11" fillId="0" borderId="0" xfId="0" applyFont="1" applyAlignment="1">
      <alignment vertical="center"/>
    </xf>
    <xf numFmtId="0" fontId="0" fillId="0" borderId="21" xfId="0" applyBorder="1" applyAlignment="1">
      <alignment horizontal="center" vertical="center"/>
    </xf>
    <xf numFmtId="0" fontId="0" fillId="0" borderId="22" xfId="0" applyBorder="1" applyAlignment="1">
      <alignment horizontal="center" vertical="center"/>
    </xf>
    <xf numFmtId="0" fontId="0" fillId="0" borderId="23" xfId="0" applyBorder="1" applyAlignment="1">
      <alignment vertical="center"/>
    </xf>
    <xf numFmtId="0" fontId="0" fillId="0" borderId="0" xfId="0" applyAlignment="1">
      <alignment vertical="center"/>
    </xf>
    <xf numFmtId="0" fontId="11" fillId="0" borderId="0" xfId="0" applyFont="1" applyBorder="1" applyAlignment="1">
      <alignment vertical="center"/>
    </xf>
    <xf numFmtId="0" fontId="0" fillId="0" borderId="22" xfId="0" applyBorder="1" applyAlignment="1">
      <alignment vertical="center"/>
    </xf>
    <xf numFmtId="0" fontId="0" fillId="0" borderId="25" xfId="0" applyBorder="1" applyAlignment="1">
      <alignment vertical="center"/>
    </xf>
    <xf numFmtId="0" fontId="11" fillId="0" borderId="14" xfId="0" applyFont="1" applyBorder="1" applyAlignment="1">
      <alignment vertical="center"/>
    </xf>
    <xf numFmtId="0" fontId="0" fillId="0" borderId="0" xfId="0" applyBorder="1" applyAlignment="1">
      <alignment horizontal="right" vertical="center"/>
    </xf>
    <xf numFmtId="0" fontId="0" fillId="0" borderId="27" xfId="0" applyBorder="1" applyAlignment="1">
      <alignment vertical="center"/>
    </xf>
    <xf numFmtId="0" fontId="0" fillId="0" borderId="28" xfId="0" applyBorder="1" applyAlignment="1">
      <alignment vertical="center"/>
    </xf>
    <xf numFmtId="0" fontId="0" fillId="0" borderId="29" xfId="0" applyBorder="1" applyAlignment="1">
      <alignment vertical="center"/>
    </xf>
    <xf numFmtId="0" fontId="0" fillId="0" borderId="30" xfId="0" applyBorder="1" applyAlignment="1">
      <alignment vertical="center"/>
    </xf>
    <xf numFmtId="0" fontId="2" fillId="0" borderId="31" xfId="0" applyFont="1" applyBorder="1" applyAlignment="1">
      <alignment vertical="center"/>
    </xf>
    <xf numFmtId="0" fontId="2" fillId="0" borderId="32" xfId="0" applyFont="1" applyBorder="1" applyAlignment="1">
      <alignment vertical="center" textRotation="255"/>
    </xf>
    <xf numFmtId="0" fontId="0" fillId="0" borderId="33" xfId="0" applyBorder="1" applyAlignment="1">
      <alignment vertical="center"/>
    </xf>
    <xf numFmtId="0" fontId="0" fillId="0" borderId="32" xfId="0" applyBorder="1" applyAlignment="1">
      <alignment vertical="center"/>
    </xf>
    <xf numFmtId="0" fontId="0" fillId="0" borderId="21" xfId="0" applyBorder="1" applyAlignment="1">
      <alignment vertical="center"/>
    </xf>
    <xf numFmtId="0" fontId="0" fillId="0" borderId="34" xfId="0" applyBorder="1" applyAlignment="1">
      <alignment vertical="center"/>
    </xf>
    <xf numFmtId="0" fontId="0" fillId="0" borderId="26" xfId="0" applyBorder="1" applyAlignment="1">
      <alignment vertical="center"/>
    </xf>
    <xf numFmtId="0" fontId="0" fillId="0" borderId="14" xfId="0" applyBorder="1" applyAlignment="1">
      <alignment horizontal="left" vertical="center"/>
    </xf>
    <xf numFmtId="0" fontId="0" fillId="0" borderId="37" xfId="0" applyBorder="1" applyAlignment="1">
      <alignment vertical="center"/>
    </xf>
    <xf numFmtId="0" fontId="0" fillId="0" borderId="9" xfId="0" applyBorder="1" applyAlignment="1">
      <alignment horizontal="left" vertical="center"/>
    </xf>
    <xf numFmtId="0" fontId="12" fillId="0" borderId="0" xfId="0" applyFont="1">
      <alignment vertical="center"/>
    </xf>
    <xf numFmtId="0" fontId="12" fillId="0" borderId="0" xfId="0" applyFont="1" applyAlignment="1">
      <alignment horizontal="left" vertical="center"/>
    </xf>
    <xf numFmtId="0" fontId="4" fillId="0" borderId="13" xfId="0" applyFont="1" applyBorder="1" applyAlignment="1">
      <alignment vertical="center"/>
    </xf>
    <xf numFmtId="0" fontId="0" fillId="0" borderId="0" xfId="0" applyAlignment="1">
      <alignment horizontal="right" vertical="center"/>
    </xf>
    <xf numFmtId="0" fontId="0" fillId="0" borderId="12" xfId="0" applyBorder="1" applyAlignment="1">
      <alignment horizontal="right" vertical="center"/>
    </xf>
    <xf numFmtId="0" fontId="4" fillId="0" borderId="0" xfId="0" applyFont="1" applyBorder="1" applyAlignment="1">
      <alignment horizontal="left" vertical="center"/>
    </xf>
    <xf numFmtId="0" fontId="13" fillId="0" borderId="12" xfId="0" applyFont="1" applyBorder="1" applyAlignment="1">
      <alignment vertical="center"/>
    </xf>
    <xf numFmtId="0" fontId="4" fillId="0" borderId="8" xfId="0" applyFont="1" applyBorder="1" applyAlignment="1">
      <alignment horizontal="center" vertical="center"/>
    </xf>
    <xf numFmtId="0" fontId="14" fillId="0" borderId="0" xfId="0" applyFont="1">
      <alignment vertical="center"/>
    </xf>
    <xf numFmtId="0" fontId="10" fillId="0" borderId="0" xfId="0" applyFont="1" applyAlignment="1">
      <alignment horizontal="center" vertical="center"/>
    </xf>
    <xf numFmtId="0" fontId="0" fillId="0" borderId="0" xfId="0" applyAlignment="1">
      <alignment horizontal="left" vertical="center"/>
    </xf>
    <xf numFmtId="0" fontId="0" fillId="0" borderId="43" xfId="0" applyBorder="1" applyAlignment="1">
      <alignment horizontal="left" vertical="center"/>
    </xf>
    <xf numFmtId="0" fontId="0" fillId="0" borderId="44" xfId="0" applyBorder="1" applyAlignment="1">
      <alignment horizontal="left" vertical="center"/>
    </xf>
    <xf numFmtId="0" fontId="4" fillId="2" borderId="11" xfId="0" applyFont="1" applyFill="1" applyBorder="1" applyAlignment="1">
      <alignment vertical="center"/>
    </xf>
    <xf numFmtId="0" fontId="0" fillId="0" borderId="13" xfId="0" applyBorder="1" applyAlignment="1">
      <alignment horizontal="right" vertical="center"/>
    </xf>
    <xf numFmtId="0" fontId="4" fillId="0" borderId="0" xfId="0" applyFont="1">
      <alignment vertical="center"/>
    </xf>
    <xf numFmtId="0" fontId="4" fillId="0" borderId="0" xfId="0" applyFont="1" applyFill="1" applyBorder="1" applyAlignment="1">
      <alignment vertical="center"/>
    </xf>
    <xf numFmtId="0" fontId="15" fillId="0" borderId="0" xfId="0" applyFont="1" applyAlignment="1">
      <alignment horizontal="left" vertical="top"/>
    </xf>
    <xf numFmtId="0" fontId="16" fillId="0" borderId="24" xfId="0" applyFont="1" applyBorder="1" applyAlignment="1">
      <alignment horizontal="center" vertical="center" wrapText="1"/>
    </xf>
    <xf numFmtId="20" fontId="3" fillId="0" borderId="40" xfId="0" applyNumberFormat="1" applyFont="1" applyBorder="1" applyAlignment="1">
      <alignment horizontal="center" vertical="center" wrapText="1"/>
    </xf>
    <xf numFmtId="0" fontId="3" fillId="0" borderId="10" xfId="0" applyFont="1" applyBorder="1" applyAlignment="1">
      <alignment horizontal="center" vertical="center"/>
    </xf>
    <xf numFmtId="20" fontId="3" fillId="0" borderId="36" xfId="0" applyNumberFormat="1" applyFont="1" applyBorder="1" applyAlignment="1">
      <alignment horizontal="center" vertical="center" wrapText="1"/>
    </xf>
    <xf numFmtId="0" fontId="3" fillId="0" borderId="12" xfId="0" applyFont="1" applyBorder="1" applyAlignment="1">
      <alignment horizontal="center" vertical="center"/>
    </xf>
    <xf numFmtId="0" fontId="3" fillId="0" borderId="36" xfId="0" applyFont="1" applyBorder="1" applyAlignment="1">
      <alignment horizontal="center" vertical="center" wrapText="1"/>
    </xf>
    <xf numFmtId="20" fontId="3" fillId="0" borderId="39" xfId="0" applyNumberFormat="1" applyFont="1" applyBorder="1" applyAlignment="1">
      <alignment horizontal="center" vertical="center" wrapText="1"/>
    </xf>
    <xf numFmtId="0" fontId="3" fillId="0" borderId="13" xfId="0" applyFont="1" applyBorder="1" applyAlignment="1">
      <alignment horizontal="center" vertical="center"/>
    </xf>
    <xf numFmtId="0" fontId="4" fillId="0" borderId="10" xfId="0" applyFont="1" applyBorder="1" applyAlignment="1">
      <alignment vertical="center"/>
    </xf>
    <xf numFmtId="0" fontId="4" fillId="0" borderId="0" xfId="0" applyFont="1" applyAlignment="1">
      <alignment vertical="center"/>
    </xf>
    <xf numFmtId="0" fontId="14" fillId="0" borderId="0" xfId="0" applyFont="1" applyBorder="1" applyAlignment="1">
      <alignment horizontal="center" vertical="center" wrapText="1"/>
    </xf>
    <xf numFmtId="0" fontId="14" fillId="0" borderId="0" xfId="0" applyFont="1" applyBorder="1" applyAlignment="1">
      <alignment horizontal="left" vertical="center" wrapText="1"/>
    </xf>
    <xf numFmtId="0" fontId="14" fillId="0" borderId="46" xfId="0" applyFont="1" applyBorder="1" applyAlignment="1">
      <alignment horizontal="center" vertical="center" wrapText="1"/>
    </xf>
    <xf numFmtId="0" fontId="14" fillId="0" borderId="49" xfId="0" applyFont="1" applyBorder="1" applyAlignment="1">
      <alignment horizontal="left" vertical="center" wrapText="1"/>
    </xf>
    <xf numFmtId="0" fontId="14" fillId="0" borderId="51" xfId="0" applyFont="1" applyBorder="1" applyAlignment="1">
      <alignment horizontal="left" vertical="center" wrapText="1"/>
    </xf>
    <xf numFmtId="0" fontId="0" fillId="0" borderId="47" xfId="0" applyBorder="1" applyAlignment="1">
      <alignment horizontal="center" vertical="center" wrapText="1"/>
    </xf>
    <xf numFmtId="0" fontId="0" fillId="0" borderId="43" xfId="0" applyBorder="1" applyAlignment="1">
      <alignment horizontal="center" vertical="center" wrapText="1"/>
    </xf>
    <xf numFmtId="0" fontId="0" fillId="0" borderId="44" xfId="0" applyBorder="1" applyAlignment="1">
      <alignment horizontal="center" vertical="center" wrapText="1"/>
    </xf>
    <xf numFmtId="0" fontId="0" fillId="0" borderId="0" xfId="0" applyBorder="1" applyAlignment="1">
      <alignment horizontal="center" vertical="center" wrapText="1"/>
    </xf>
    <xf numFmtId="0" fontId="14" fillId="0" borderId="0" xfId="0" applyFont="1" applyBorder="1" applyAlignment="1">
      <alignment horizontal="left" vertical="center"/>
    </xf>
    <xf numFmtId="0" fontId="14" fillId="0" borderId="10" xfId="0" applyFont="1" applyBorder="1" applyAlignment="1">
      <alignment horizontal="left" vertical="center"/>
    </xf>
    <xf numFmtId="0" fontId="0" fillId="0" borderId="11" xfId="0" applyBorder="1" applyAlignment="1">
      <alignment horizontal="left" vertical="center"/>
    </xf>
    <xf numFmtId="0" fontId="14" fillId="0" borderId="11" xfId="0" applyFont="1" applyBorder="1" applyAlignment="1">
      <alignment horizontal="left" vertical="center"/>
    </xf>
    <xf numFmtId="0" fontId="0" fillId="0" borderId="7" xfId="0" applyBorder="1" applyAlignment="1">
      <alignment horizontal="left" vertical="center"/>
    </xf>
    <xf numFmtId="0" fontId="14" fillId="0" borderId="12" xfId="0" applyFont="1" applyBorder="1" applyAlignment="1">
      <alignment horizontal="left" vertical="center"/>
    </xf>
    <xf numFmtId="0" fontId="0" fillId="0" borderId="8" xfId="0" applyBorder="1" applyAlignment="1">
      <alignment horizontal="left" vertical="center"/>
    </xf>
    <xf numFmtId="0" fontId="14" fillId="0" borderId="13" xfId="0" applyFont="1" applyBorder="1" applyAlignment="1">
      <alignment horizontal="left" vertical="center"/>
    </xf>
    <xf numFmtId="0" fontId="14" fillId="0" borderId="14" xfId="0" applyFont="1" applyBorder="1" applyAlignment="1">
      <alignment horizontal="left" vertical="center"/>
    </xf>
    <xf numFmtId="0" fontId="15" fillId="0" borderId="0" xfId="0" applyFont="1" applyAlignment="1">
      <alignment horizontal="left" vertical="center"/>
    </xf>
    <xf numFmtId="0" fontId="14" fillId="0" borderId="0" xfId="0" applyFont="1" applyAlignment="1">
      <alignment horizontal="center" vertical="center"/>
    </xf>
    <xf numFmtId="0" fontId="14" fillId="0" borderId="0" xfId="0" applyFont="1" applyAlignment="1">
      <alignment horizontal="left" vertical="center"/>
    </xf>
    <xf numFmtId="0" fontId="15" fillId="0" borderId="0" xfId="0" applyFont="1" applyAlignment="1">
      <alignment horizontal="center" vertical="center"/>
    </xf>
    <xf numFmtId="0" fontId="14" fillId="0" borderId="0" xfId="0" applyFont="1" applyAlignment="1">
      <alignment horizontal="left" vertical="center" indent="1"/>
    </xf>
    <xf numFmtId="0" fontId="4" fillId="0" borderId="11" xfId="0" applyFont="1" applyBorder="1">
      <alignment vertical="center"/>
    </xf>
    <xf numFmtId="0" fontId="4" fillId="0" borderId="0" xfId="0" applyFont="1" applyBorder="1">
      <alignment vertical="center"/>
    </xf>
    <xf numFmtId="0" fontId="4" fillId="0" borderId="14" xfId="0" applyFont="1" applyBorder="1">
      <alignment vertical="center"/>
    </xf>
    <xf numFmtId="0" fontId="5" fillId="0" borderId="0" xfId="0" applyFont="1" applyAlignment="1">
      <alignment horizontal="left" vertical="center"/>
    </xf>
    <xf numFmtId="0" fontId="0" fillId="0" borderId="0" xfId="0" applyAlignment="1">
      <alignment vertical="center"/>
    </xf>
    <xf numFmtId="0" fontId="0" fillId="0" borderId="0" xfId="0" applyBorder="1" applyAlignment="1">
      <alignment vertical="center"/>
    </xf>
    <xf numFmtId="0" fontId="0" fillId="0" borderId="0" xfId="0" applyAlignment="1">
      <alignment vertical="center"/>
    </xf>
    <xf numFmtId="0" fontId="0" fillId="0" borderId="14" xfId="0" applyBorder="1" applyAlignment="1">
      <alignment vertical="center"/>
    </xf>
    <xf numFmtId="0" fontId="0" fillId="0" borderId="8" xfId="0" applyBorder="1" applyAlignment="1">
      <alignment vertical="center"/>
    </xf>
    <xf numFmtId="0" fontId="0" fillId="0" borderId="9" xfId="0" applyBorder="1" applyAlignment="1">
      <alignment vertical="center"/>
    </xf>
    <xf numFmtId="0" fontId="0" fillId="0" borderId="12" xfId="0" applyBorder="1" applyAlignment="1">
      <alignment vertical="center"/>
    </xf>
    <xf numFmtId="0" fontId="0" fillId="0" borderId="0" xfId="0" applyBorder="1" applyAlignment="1">
      <alignment horizontal="left" vertical="top"/>
    </xf>
    <xf numFmtId="0" fontId="4" fillId="0" borderId="14" xfId="0" applyFont="1" applyBorder="1" applyAlignment="1">
      <alignment vertical="center"/>
    </xf>
    <xf numFmtId="0" fontId="4" fillId="0" borderId="11" xfId="0" applyFont="1" applyBorder="1" applyAlignment="1">
      <alignment vertical="center"/>
    </xf>
    <xf numFmtId="0" fontId="5" fillId="0" borderId="12" xfId="0" applyFont="1" applyBorder="1" applyAlignment="1">
      <alignment vertical="center"/>
    </xf>
    <xf numFmtId="0" fontId="0" fillId="0" borderId="0" xfId="0" applyAlignment="1">
      <alignment vertical="center"/>
    </xf>
    <xf numFmtId="0" fontId="4" fillId="0" borderId="14" xfId="0" applyFont="1" applyBorder="1" applyAlignment="1">
      <alignment vertical="center"/>
    </xf>
    <xf numFmtId="0" fontId="5" fillId="0" borderId="10" xfId="0" applyFont="1" applyBorder="1" applyAlignment="1">
      <alignment vertical="center"/>
    </xf>
    <xf numFmtId="0" fontId="0" fillId="0" borderId="11" xfId="0" applyBorder="1" applyAlignment="1">
      <alignment vertical="center"/>
    </xf>
    <xf numFmtId="0" fontId="4" fillId="0" borderId="11" xfId="0" applyFont="1" applyBorder="1" applyAlignment="1">
      <alignment vertical="center"/>
    </xf>
    <xf numFmtId="49" fontId="5" fillId="0" borderId="0" xfId="0" applyNumberFormat="1" applyFont="1" applyBorder="1" applyAlignment="1">
      <alignment horizontal="right" vertical="center"/>
    </xf>
    <xf numFmtId="49" fontId="4" fillId="0" borderId="0" xfId="0" applyNumberFormat="1" applyFont="1" applyBorder="1" applyAlignment="1">
      <alignment horizontal="right" vertical="center"/>
    </xf>
    <xf numFmtId="49" fontId="4" fillId="0" borderId="0" xfId="0" applyNumberFormat="1" applyFont="1" applyBorder="1" applyAlignment="1">
      <alignment vertical="center"/>
    </xf>
    <xf numFmtId="49" fontId="4" fillId="0" borderId="14" xfId="0" applyNumberFormat="1" applyFont="1" applyBorder="1" applyAlignment="1">
      <alignment vertical="center"/>
    </xf>
    <xf numFmtId="49" fontId="0" fillId="0" borderId="0" xfId="0" applyNumberFormat="1" applyAlignment="1">
      <alignment vertical="center"/>
    </xf>
    <xf numFmtId="49" fontId="0" fillId="0" borderId="11" xfId="0" applyNumberFormat="1" applyBorder="1" applyAlignment="1">
      <alignment vertical="center"/>
    </xf>
    <xf numFmtId="49" fontId="4" fillId="0" borderId="11" xfId="0" applyNumberFormat="1" applyFont="1" applyBorder="1" applyAlignment="1">
      <alignment vertical="center"/>
    </xf>
    <xf numFmtId="49" fontId="0" fillId="0" borderId="7" xfId="0" applyNumberFormat="1" applyBorder="1" applyAlignment="1">
      <alignment horizontal="right" vertical="center"/>
    </xf>
    <xf numFmtId="0" fontId="17" fillId="0" borderId="12" xfId="0" applyFont="1" applyBorder="1" applyAlignment="1">
      <alignment vertical="center"/>
    </xf>
    <xf numFmtId="49" fontId="0" fillId="0" borderId="0" xfId="0" applyNumberFormat="1" applyBorder="1" applyAlignment="1">
      <alignment vertical="center"/>
    </xf>
    <xf numFmtId="0" fontId="0" fillId="0" borderId="0" xfId="0" applyAlignment="1">
      <alignment vertical="center"/>
    </xf>
    <xf numFmtId="0" fontId="4" fillId="0" borderId="0" xfId="0" applyFont="1" applyBorder="1" applyAlignment="1">
      <alignment vertical="center"/>
    </xf>
    <xf numFmtId="0" fontId="4" fillId="3" borderId="0" xfId="0" applyFont="1" applyFill="1" applyAlignment="1">
      <alignment vertical="center"/>
    </xf>
    <xf numFmtId="0" fontId="0" fillId="0" borderId="2" xfId="0" applyBorder="1" applyAlignment="1">
      <alignment vertical="center"/>
    </xf>
    <xf numFmtId="0" fontId="0" fillId="0" borderId="3" xfId="0" applyBorder="1" applyAlignment="1">
      <alignment vertical="center"/>
    </xf>
    <xf numFmtId="0" fontId="0" fillId="0" borderId="0" xfId="0" applyAlignment="1">
      <alignment horizontal="center" vertical="center"/>
    </xf>
    <xf numFmtId="0" fontId="0" fillId="0" borderId="25" xfId="0" applyBorder="1" applyAlignment="1">
      <alignment vertical="center"/>
    </xf>
    <xf numFmtId="0" fontId="0" fillId="0" borderId="43" xfId="0" applyBorder="1" applyAlignment="1">
      <alignment horizontal="center" vertical="center" wrapText="1"/>
    </xf>
    <xf numFmtId="0" fontId="0" fillId="0" borderId="44" xfId="0" applyBorder="1" applyAlignment="1">
      <alignment horizontal="center" vertical="center" wrapText="1"/>
    </xf>
    <xf numFmtId="0" fontId="0" fillId="0" borderId="47" xfId="0" applyBorder="1" applyAlignment="1">
      <alignment horizontal="center" vertical="center" wrapText="1"/>
    </xf>
    <xf numFmtId="0" fontId="14" fillId="0" borderId="46" xfId="0" applyFont="1" applyBorder="1" applyAlignment="1">
      <alignment horizontal="center" vertical="center" wrapText="1"/>
    </xf>
    <xf numFmtId="0" fontId="4" fillId="0" borderId="0" xfId="0" applyFont="1" applyBorder="1" applyAlignment="1">
      <alignment vertical="center"/>
    </xf>
    <xf numFmtId="0" fontId="0" fillId="0" borderId="0" xfId="0" applyBorder="1" applyAlignment="1">
      <alignment vertical="center"/>
    </xf>
    <xf numFmtId="0" fontId="4" fillId="0" borderId="14" xfId="0" applyFont="1" applyBorder="1" applyAlignment="1">
      <alignment vertical="center"/>
    </xf>
    <xf numFmtId="0" fontId="0" fillId="0" borderId="14" xfId="0" applyBorder="1" applyAlignment="1">
      <alignment vertical="center"/>
    </xf>
    <xf numFmtId="0" fontId="5" fillId="0" borderId="10" xfId="0" applyFont="1" applyBorder="1" applyAlignment="1">
      <alignment vertical="center"/>
    </xf>
    <xf numFmtId="0" fontId="0" fillId="0" borderId="11" xfId="0" applyBorder="1" applyAlignment="1">
      <alignment vertical="center"/>
    </xf>
    <xf numFmtId="0" fontId="0" fillId="0" borderId="7" xfId="0" applyBorder="1" applyAlignment="1">
      <alignment vertical="center"/>
    </xf>
    <xf numFmtId="0" fontId="5" fillId="0" borderId="12" xfId="0" applyFont="1" applyBorder="1" applyAlignment="1">
      <alignment vertical="center"/>
    </xf>
    <xf numFmtId="0" fontId="0" fillId="0" borderId="0" xfId="0" applyAlignment="1">
      <alignment vertical="center"/>
    </xf>
    <xf numFmtId="0" fontId="0" fillId="0" borderId="8" xfId="0" applyBorder="1" applyAlignment="1">
      <alignment vertical="center"/>
    </xf>
    <xf numFmtId="0" fontId="0" fillId="0" borderId="0" xfId="0" applyAlignment="1">
      <alignment horizontal="left" vertical="center"/>
    </xf>
    <xf numFmtId="0" fontId="0" fillId="0" borderId="8" xfId="0" applyBorder="1" applyAlignment="1">
      <alignment horizontal="left" vertical="center"/>
    </xf>
    <xf numFmtId="0" fontId="5" fillId="0" borderId="13" xfId="0" applyFont="1" applyBorder="1" applyAlignment="1">
      <alignment vertical="center"/>
    </xf>
    <xf numFmtId="0" fontId="0" fillId="0" borderId="9" xfId="0" applyBorder="1" applyAlignment="1">
      <alignment vertical="center"/>
    </xf>
    <xf numFmtId="49" fontId="4" fillId="0" borderId="0" xfId="0" applyNumberFormat="1" applyFont="1" applyBorder="1" applyAlignment="1">
      <alignment vertical="center"/>
    </xf>
    <xf numFmtId="49" fontId="0" fillId="0" borderId="0" xfId="0" applyNumberFormat="1" applyAlignment="1">
      <alignment vertical="center"/>
    </xf>
    <xf numFmtId="0" fontId="0" fillId="0" borderId="12" xfId="0" applyBorder="1" applyAlignment="1">
      <alignment vertical="center"/>
    </xf>
    <xf numFmtId="0" fontId="0" fillId="0" borderId="23" xfId="0" applyBorder="1" applyAlignment="1">
      <alignment vertical="center"/>
    </xf>
    <xf numFmtId="0" fontId="0" fillId="0" borderId="29" xfId="0" applyBorder="1" applyAlignment="1">
      <alignment vertical="center"/>
    </xf>
    <xf numFmtId="0" fontId="0" fillId="0" borderId="6" xfId="0" applyBorder="1" applyAlignment="1">
      <alignment vertical="center"/>
    </xf>
    <xf numFmtId="0" fontId="0" fillId="0" borderId="17" xfId="0" applyBorder="1" applyAlignment="1">
      <alignment vertical="center"/>
    </xf>
    <xf numFmtId="0" fontId="0" fillId="0" borderId="22" xfId="0" applyBorder="1" applyAlignment="1">
      <alignment vertical="center"/>
    </xf>
    <xf numFmtId="0" fontId="0" fillId="0" borderId="1" xfId="0" applyBorder="1" applyAlignment="1">
      <alignment vertical="center"/>
    </xf>
    <xf numFmtId="0" fontId="0" fillId="0" borderId="0" xfId="0" applyAlignment="1">
      <alignment vertical="center"/>
    </xf>
    <xf numFmtId="0" fontId="19" fillId="0" borderId="0" xfId="0" applyFont="1" applyAlignment="1">
      <alignment vertical="center"/>
    </xf>
    <xf numFmtId="0" fontId="20" fillId="0" borderId="0" xfId="0" applyFont="1" applyBorder="1" applyAlignment="1">
      <alignment vertical="center"/>
    </xf>
    <xf numFmtId="0" fontId="0" fillId="0" borderId="53" xfId="0" applyBorder="1" applyAlignment="1">
      <alignment vertical="center"/>
    </xf>
    <xf numFmtId="0" fontId="0" fillId="0" borderId="18" xfId="0" applyBorder="1" applyAlignment="1">
      <alignment vertical="center"/>
    </xf>
    <xf numFmtId="0" fontId="0" fillId="0" borderId="4" xfId="0" applyBorder="1" applyAlignment="1">
      <alignment horizontal="right" vertical="center"/>
    </xf>
    <xf numFmtId="0" fontId="0" fillId="0" borderId="4" xfId="0" applyBorder="1" applyAlignment="1">
      <alignment horizontal="left" vertical="center"/>
    </xf>
    <xf numFmtId="0" fontId="18" fillId="0" borderId="11" xfId="0" applyFont="1" applyBorder="1" applyAlignment="1">
      <alignment vertical="center"/>
    </xf>
    <xf numFmtId="0" fontId="0" fillId="0" borderId="9" xfId="0" applyBorder="1" applyAlignment="1">
      <alignment horizontal="center" vertical="center"/>
    </xf>
    <xf numFmtId="0" fontId="8" fillId="0" borderId="0" xfId="0" applyFont="1" applyAlignment="1">
      <alignment horizontal="justify" vertical="center"/>
    </xf>
    <xf numFmtId="0" fontId="0" fillId="0" borderId="0" xfId="0" applyAlignment="1">
      <alignment vertical="center"/>
    </xf>
    <xf numFmtId="0" fontId="16" fillId="0" borderId="41" xfId="0" applyFont="1" applyBorder="1" applyAlignment="1">
      <alignment horizontal="center" vertical="center"/>
    </xf>
    <xf numFmtId="0" fontId="4" fillId="0" borderId="42" xfId="0" applyFont="1" applyBorder="1" applyAlignment="1">
      <alignment vertical="center"/>
    </xf>
    <xf numFmtId="0" fontId="4" fillId="0" borderId="38" xfId="0" applyFont="1" applyBorder="1" applyAlignment="1">
      <alignment vertical="center"/>
    </xf>
    <xf numFmtId="0" fontId="0" fillId="0" borderId="2" xfId="0" applyBorder="1" applyAlignment="1">
      <alignment vertical="center"/>
    </xf>
    <xf numFmtId="0" fontId="0" fillId="0" borderId="23" xfId="0" applyBorder="1" applyAlignment="1">
      <alignment vertical="center"/>
    </xf>
    <xf numFmtId="0" fontId="0" fillId="0" borderId="3" xfId="0" applyBorder="1" applyAlignment="1">
      <alignment vertical="center"/>
    </xf>
    <xf numFmtId="0" fontId="14" fillId="0" borderId="43" xfId="0" applyFont="1" applyBorder="1" applyAlignment="1">
      <alignment horizontal="justify" vertical="center" wrapText="1"/>
    </xf>
    <xf numFmtId="0" fontId="0" fillId="0" borderId="43" xfId="0" applyBorder="1" applyAlignment="1">
      <alignment horizontal="justify" vertical="center" wrapText="1"/>
    </xf>
    <xf numFmtId="0" fontId="14" fillId="0" borderId="49" xfId="0" applyFont="1" applyBorder="1" applyAlignment="1">
      <alignment horizontal="justify" vertical="center" wrapText="1"/>
    </xf>
    <xf numFmtId="0" fontId="0" fillId="0" borderId="11" xfId="0" applyBorder="1" applyAlignment="1">
      <alignment vertical="center"/>
    </xf>
    <xf numFmtId="0" fontId="0" fillId="0" borderId="7" xfId="0" applyBorder="1" applyAlignment="1">
      <alignment vertical="center"/>
    </xf>
    <xf numFmtId="0" fontId="0" fillId="0" borderId="29" xfId="0" applyBorder="1" applyAlignment="1">
      <alignment vertical="center"/>
    </xf>
    <xf numFmtId="0" fontId="0" fillId="0" borderId="6" xfId="0" applyBorder="1" applyAlignment="1">
      <alignment vertical="center"/>
    </xf>
    <xf numFmtId="0" fontId="0" fillId="0" borderId="17" xfId="0" applyBorder="1" applyAlignment="1">
      <alignment vertical="center"/>
    </xf>
    <xf numFmtId="0" fontId="0" fillId="0" borderId="22" xfId="0" applyBorder="1" applyAlignment="1">
      <alignment vertical="center"/>
    </xf>
    <xf numFmtId="0" fontId="0" fillId="2" borderId="16" xfId="0" applyFill="1" applyBorder="1" applyAlignment="1">
      <alignment vertical="center"/>
    </xf>
    <xf numFmtId="0" fontId="0" fillId="2" borderId="6" xfId="0" applyFill="1" applyBorder="1" applyAlignment="1">
      <alignment vertical="center"/>
    </xf>
    <xf numFmtId="0" fontId="0" fillId="2" borderId="30" xfId="0" applyFill="1" applyBorder="1" applyAlignment="1">
      <alignment vertical="center"/>
    </xf>
    <xf numFmtId="0" fontId="0" fillId="2" borderId="29" xfId="0" applyFill="1" applyBorder="1" applyAlignment="1">
      <alignment horizontal="left" vertical="center"/>
    </xf>
    <xf numFmtId="0" fontId="0" fillId="2" borderId="17" xfId="0" applyFill="1" applyBorder="1" applyAlignment="1">
      <alignment vertical="center"/>
    </xf>
    <xf numFmtId="0" fontId="0" fillId="0" borderId="1" xfId="0" applyBorder="1" applyAlignment="1">
      <alignment vertical="center"/>
    </xf>
    <xf numFmtId="49" fontId="0" fillId="0" borderId="1" xfId="0" applyNumberFormat="1" applyBorder="1" applyAlignment="1">
      <alignment vertical="center"/>
    </xf>
    <xf numFmtId="49" fontId="0" fillId="0" borderId="2" xfId="0" applyNumberFormat="1" applyBorder="1" applyAlignment="1">
      <alignment vertical="center"/>
    </xf>
    <xf numFmtId="49" fontId="0" fillId="0" borderId="35" xfId="0" applyNumberFormat="1" applyBorder="1" applyAlignment="1">
      <alignment vertical="center"/>
    </xf>
    <xf numFmtId="49" fontId="0" fillId="0" borderId="19" xfId="0" applyNumberFormat="1" applyBorder="1" applyAlignment="1">
      <alignment vertical="center"/>
    </xf>
    <xf numFmtId="0" fontId="0" fillId="0" borderId="27" xfId="0" applyBorder="1" applyAlignment="1">
      <alignment horizontal="left" vertical="top"/>
    </xf>
    <xf numFmtId="0" fontId="0" fillId="0" borderId="4" xfId="0" applyBorder="1" applyAlignment="1">
      <alignment horizontal="left" vertical="top"/>
    </xf>
    <xf numFmtId="0" fontId="0" fillId="0" borderId="18" xfId="0" applyBorder="1" applyAlignment="1">
      <alignment horizontal="left" vertical="top"/>
    </xf>
    <xf numFmtId="0" fontId="0" fillId="0" borderId="5" xfId="0" applyBorder="1" applyAlignment="1">
      <alignment horizontal="left" vertical="top"/>
    </xf>
    <xf numFmtId="0" fontId="0" fillId="0" borderId="0" xfId="0" applyAlignment="1">
      <alignment horizontal="left" vertical="top"/>
    </xf>
    <xf numFmtId="0" fontId="0" fillId="0" borderId="8" xfId="0" applyBorder="1" applyAlignment="1">
      <alignment horizontal="left" vertical="top"/>
    </xf>
    <xf numFmtId="0" fontId="0" fillId="0" borderId="45" xfId="0" applyBorder="1" applyAlignment="1">
      <alignment horizontal="left" vertical="top"/>
    </xf>
    <xf numFmtId="0" fontId="0" fillId="0" borderId="14" xfId="0" applyBorder="1" applyAlignment="1">
      <alignment horizontal="left" vertical="top"/>
    </xf>
    <xf numFmtId="0" fontId="0" fillId="0" borderId="9" xfId="0" applyBorder="1" applyAlignment="1">
      <alignment horizontal="left" vertical="top"/>
    </xf>
    <xf numFmtId="0" fontId="5" fillId="0" borderId="10" xfId="0" applyFont="1" applyBorder="1" applyAlignment="1">
      <alignment vertical="center"/>
    </xf>
    <xf numFmtId="0" fontId="0" fillId="0" borderId="10" xfId="0" applyBorder="1" applyAlignment="1">
      <alignment horizontal="left" vertical="top"/>
    </xf>
    <xf numFmtId="0" fontId="0" fillId="0" borderId="11" xfId="0" applyBorder="1" applyAlignment="1">
      <alignment horizontal="left" vertical="top"/>
    </xf>
    <xf numFmtId="0" fontId="0" fillId="0" borderId="7" xfId="0" applyBorder="1" applyAlignment="1">
      <alignment horizontal="left" vertical="top"/>
    </xf>
    <xf numFmtId="0" fontId="0" fillId="0" borderId="12" xfId="0" applyBorder="1" applyAlignment="1">
      <alignment horizontal="left" vertical="top"/>
    </xf>
    <xf numFmtId="0" fontId="14" fillId="0" borderId="12" xfId="0" applyFont="1" applyBorder="1" applyAlignment="1">
      <alignment horizontal="left" vertical="top"/>
    </xf>
    <xf numFmtId="0" fontId="5" fillId="0" borderId="12" xfId="0" applyFont="1" applyBorder="1" applyAlignment="1">
      <alignment vertical="center"/>
    </xf>
    <xf numFmtId="0" fontId="0" fillId="0" borderId="8" xfId="0" applyBorder="1" applyAlignment="1">
      <alignment vertical="center"/>
    </xf>
    <xf numFmtId="0" fontId="5" fillId="0" borderId="13" xfId="0" applyFont="1" applyBorder="1" applyAlignment="1">
      <alignment vertical="center"/>
    </xf>
    <xf numFmtId="0" fontId="0" fillId="0" borderId="14" xfId="0" applyBorder="1" applyAlignment="1">
      <alignment vertical="center"/>
    </xf>
    <xf numFmtId="0" fontId="0" fillId="0" borderId="9" xfId="0" applyBorder="1" applyAlignment="1">
      <alignment vertical="center"/>
    </xf>
    <xf numFmtId="0" fontId="0" fillId="0" borderId="12" xfId="0" applyBorder="1" applyAlignment="1">
      <alignment vertical="center"/>
    </xf>
    <xf numFmtId="49" fontId="4" fillId="0" borderId="0" xfId="0" applyNumberFormat="1" applyFont="1" applyBorder="1" applyAlignment="1">
      <alignment horizontal="right" vertical="center"/>
    </xf>
    <xf numFmtId="49" fontId="0" fillId="0" borderId="0" xfId="0" applyNumberFormat="1" applyAlignment="1">
      <alignment horizontal="right" vertical="center"/>
    </xf>
    <xf numFmtId="0" fontId="5" fillId="0" borderId="12" xfId="0" applyFont="1" applyBorder="1" applyAlignment="1">
      <alignment vertical="top"/>
    </xf>
    <xf numFmtId="0" fontId="0" fillId="0" borderId="0" xfId="0" applyAlignment="1">
      <alignment vertical="top"/>
    </xf>
    <xf numFmtId="0" fontId="0" fillId="0" borderId="8" xfId="0" applyBorder="1" applyAlignment="1">
      <alignment vertical="top"/>
    </xf>
    <xf numFmtId="0" fontId="0" fillId="0" borderId="12" xfId="0" applyBorder="1" applyAlignment="1">
      <alignment vertical="top"/>
    </xf>
    <xf numFmtId="0" fontId="3" fillId="0" borderId="13" xfId="0" applyFont="1" applyBorder="1" applyAlignment="1">
      <alignment vertical="center"/>
    </xf>
    <xf numFmtId="0" fontId="5" fillId="0" borderId="12" xfId="0" applyFont="1" applyBorder="1" applyAlignment="1">
      <alignment horizontal="left" vertical="top"/>
    </xf>
    <xf numFmtId="0" fontId="0" fillId="0" borderId="13" xfId="0" applyBorder="1" applyAlignment="1">
      <alignment horizontal="left" vertical="top"/>
    </xf>
    <xf numFmtId="0" fontId="5" fillId="0" borderId="12" xfId="0" applyFont="1" applyBorder="1" applyAlignment="1">
      <alignment vertical="top" wrapText="1"/>
    </xf>
    <xf numFmtId="0" fontId="0" fillId="0" borderId="13" xfId="0" applyBorder="1" applyAlignment="1">
      <alignment vertical="top"/>
    </xf>
    <xf numFmtId="0" fontId="0" fillId="0" borderId="14" xfId="0" applyBorder="1" applyAlignment="1">
      <alignment vertical="top"/>
    </xf>
    <xf numFmtId="0" fontId="0" fillId="0" borderId="9" xfId="0" applyBorder="1" applyAlignment="1">
      <alignment vertical="top"/>
    </xf>
    <xf numFmtId="0" fontId="4" fillId="0" borderId="0" xfId="0" applyFont="1" applyBorder="1" applyAlignment="1">
      <alignment vertical="center"/>
    </xf>
    <xf numFmtId="0" fontId="4" fillId="0" borderId="14" xfId="0" applyFont="1" applyBorder="1" applyAlignment="1">
      <alignment vertical="center"/>
    </xf>
    <xf numFmtId="0" fontId="5" fillId="0" borderId="10" xfId="0" applyFont="1" applyBorder="1" applyAlignment="1">
      <alignment horizontal="left" vertical="center"/>
    </xf>
    <xf numFmtId="0" fontId="5" fillId="0" borderId="12" xfId="0" applyFont="1" applyBorder="1" applyAlignment="1">
      <alignment horizontal="left" vertical="center"/>
    </xf>
    <xf numFmtId="0" fontId="0" fillId="0" borderId="0" xfId="0" applyAlignment="1">
      <alignment horizontal="left" vertical="center"/>
    </xf>
    <xf numFmtId="0" fontId="0" fillId="0" borderId="8" xfId="0" applyBorder="1" applyAlignment="1">
      <alignment horizontal="left" vertical="center"/>
    </xf>
    <xf numFmtId="0" fontId="3" fillId="0" borderId="12" xfId="0" applyFont="1" applyBorder="1" applyAlignment="1">
      <alignment vertical="center"/>
    </xf>
    <xf numFmtId="0" fontId="3" fillId="0" borderId="0" xfId="0" applyFont="1" applyAlignment="1">
      <alignment vertical="center"/>
    </xf>
    <xf numFmtId="0" fontId="14" fillId="0" borderId="43" xfId="0" applyFont="1" applyBorder="1" applyAlignment="1">
      <alignment horizontal="center" vertical="center" wrapText="1"/>
    </xf>
    <xf numFmtId="0" fontId="0" fillId="0" borderId="43" xfId="0" applyBorder="1" applyAlignment="1">
      <alignment horizontal="center" vertical="center" wrapText="1"/>
    </xf>
    <xf numFmtId="0" fontId="0" fillId="0" borderId="0" xfId="0" applyBorder="1" applyAlignment="1">
      <alignment vertical="center"/>
    </xf>
    <xf numFmtId="0" fontId="0" fillId="0" borderId="50" xfId="0" applyBorder="1" applyAlignment="1">
      <alignment horizontal="center" vertical="center" wrapText="1"/>
    </xf>
    <xf numFmtId="0" fontId="14" fillId="0" borderId="1" xfId="0" applyFont="1" applyBorder="1" applyAlignment="1">
      <alignment horizontal="center" vertical="center" wrapText="1"/>
    </xf>
    <xf numFmtId="0" fontId="14" fillId="0" borderId="2" xfId="0" applyFont="1" applyBorder="1" applyAlignment="1">
      <alignment horizontal="center" vertical="center" wrapText="1"/>
    </xf>
    <xf numFmtId="0" fontId="14" fillId="0" borderId="3" xfId="0" applyFont="1" applyBorder="1" applyAlignment="1">
      <alignment horizontal="center" vertical="center" wrapText="1"/>
    </xf>
    <xf numFmtId="0" fontId="14" fillId="0" borderId="44" xfId="0" applyFont="1" applyBorder="1" applyAlignment="1">
      <alignment horizontal="center" vertical="center" wrapText="1"/>
    </xf>
    <xf numFmtId="0" fontId="0" fillId="0" borderId="44" xfId="0" applyBorder="1" applyAlignment="1">
      <alignment horizontal="center" vertical="center" wrapText="1"/>
    </xf>
    <xf numFmtId="0" fontId="14" fillId="0" borderId="47" xfId="0" applyFont="1" applyBorder="1" applyAlignment="1">
      <alignment horizontal="center" vertical="center" wrapText="1"/>
    </xf>
    <xf numFmtId="0" fontId="0" fillId="0" borderId="47" xfId="0" applyBorder="1" applyAlignment="1">
      <alignment horizontal="center" vertical="center" wrapText="1"/>
    </xf>
    <xf numFmtId="0" fontId="0" fillId="0" borderId="48" xfId="0" applyBorder="1" applyAlignment="1">
      <alignment horizontal="center" vertical="center" wrapText="1"/>
    </xf>
    <xf numFmtId="0" fontId="3" fillId="0" borderId="49" xfId="0" applyFont="1" applyBorder="1" applyAlignment="1">
      <alignment horizontal="justify" vertical="center" wrapText="1"/>
    </xf>
    <xf numFmtId="0" fontId="3" fillId="0" borderId="43" xfId="0" applyFont="1" applyBorder="1" applyAlignment="1">
      <alignment horizontal="justify" vertical="center" wrapText="1"/>
    </xf>
    <xf numFmtId="0" fontId="14" fillId="0" borderId="55" xfId="0" applyFont="1" applyBorder="1" applyAlignment="1">
      <alignment horizontal="center" vertical="center" wrapText="1"/>
    </xf>
    <xf numFmtId="0" fontId="0" fillId="0" borderId="56" xfId="0" applyBorder="1" applyAlignment="1">
      <alignment horizontal="center" vertical="center" wrapText="1"/>
    </xf>
    <xf numFmtId="0" fontId="14" fillId="0" borderId="56" xfId="0" applyFont="1" applyBorder="1" applyAlignment="1">
      <alignment horizontal="center" vertical="center" wrapText="1"/>
    </xf>
    <xf numFmtId="0" fontId="0" fillId="0" borderId="56" xfId="0" applyBorder="1" applyAlignment="1">
      <alignment vertical="center" wrapText="1"/>
    </xf>
    <xf numFmtId="0" fontId="0" fillId="0" borderId="57" xfId="0" applyBorder="1" applyAlignment="1">
      <alignment vertical="center" wrapText="1"/>
    </xf>
    <xf numFmtId="0" fontId="0" fillId="0" borderId="30" xfId="0" applyBorder="1" applyAlignment="1">
      <alignment vertical="center"/>
    </xf>
    <xf numFmtId="0" fontId="14" fillId="0" borderId="44" xfId="0" applyFont="1" applyBorder="1" applyAlignment="1">
      <alignment horizontal="justify" vertical="center" wrapText="1"/>
    </xf>
    <xf numFmtId="0" fontId="0" fillId="0" borderId="44" xfId="0" applyBorder="1" applyAlignment="1">
      <alignment horizontal="justify" vertical="center" wrapText="1"/>
    </xf>
    <xf numFmtId="0" fontId="14" fillId="0" borderId="51" xfId="0" applyFont="1" applyBorder="1" applyAlignment="1">
      <alignment horizontal="justify" vertical="center" wrapText="1"/>
    </xf>
    <xf numFmtId="0" fontId="14" fillId="0" borderId="56" xfId="0" applyFont="1" applyBorder="1" applyAlignment="1">
      <alignment horizontal="justify" vertical="center" wrapText="1"/>
    </xf>
    <xf numFmtId="0" fontId="0" fillId="0" borderId="56" xfId="0" applyBorder="1" applyAlignment="1">
      <alignment horizontal="justify" vertical="center" wrapText="1"/>
    </xf>
    <xf numFmtId="0" fontId="14" fillId="0" borderId="54" xfId="0" applyFont="1" applyBorder="1" applyAlignment="1">
      <alignment horizontal="justify" vertical="center" wrapText="1"/>
    </xf>
    <xf numFmtId="0" fontId="0" fillId="0" borderId="54" xfId="0" applyBorder="1" applyAlignment="1">
      <alignment horizontal="justify" vertical="center" wrapText="1"/>
    </xf>
    <xf numFmtId="0" fontId="14" fillId="0" borderId="21" xfId="0" applyFont="1" applyBorder="1" applyAlignment="1">
      <alignment horizontal="justify" vertical="center" wrapText="1"/>
    </xf>
    <xf numFmtId="0" fontId="14" fillId="0" borderId="54" xfId="0" applyFont="1" applyBorder="1" applyAlignment="1">
      <alignment horizontal="center" vertical="center" wrapText="1"/>
    </xf>
    <xf numFmtId="0" fontId="0" fillId="0" borderId="54" xfId="0" applyBorder="1" applyAlignment="1">
      <alignment horizontal="center" vertical="center" wrapText="1"/>
    </xf>
    <xf numFmtId="0" fontId="15" fillId="0" borderId="0" xfId="0" applyFont="1" applyAlignment="1">
      <alignment horizontal="center" vertical="center" wrapText="1"/>
    </xf>
    <xf numFmtId="0" fontId="0" fillId="0" borderId="0" xfId="0" applyAlignment="1">
      <alignment horizontal="center" vertical="center" wrapText="1"/>
    </xf>
    <xf numFmtId="0" fontId="7" fillId="0" borderId="0" xfId="0" applyFont="1" applyAlignment="1">
      <alignment horizontal="center" vertical="center"/>
    </xf>
    <xf numFmtId="0" fontId="0" fillId="0" borderId="0" xfId="0" applyAlignment="1">
      <alignment horizontal="center" vertical="center"/>
    </xf>
    <xf numFmtId="0" fontId="0" fillId="0" borderId="35" xfId="0" applyBorder="1" applyAlignment="1">
      <alignment vertical="center"/>
    </xf>
    <xf numFmtId="0" fontId="0" fillId="0" borderId="19" xfId="0" applyBorder="1" applyAlignment="1">
      <alignment vertical="center"/>
    </xf>
    <xf numFmtId="0" fontId="0" fillId="0" borderId="25" xfId="0" applyBorder="1" applyAlignment="1">
      <alignment vertical="center"/>
    </xf>
    <xf numFmtId="0" fontId="0" fillId="0" borderId="52" xfId="0" applyBorder="1" applyAlignment="1">
      <alignment horizontal="center" vertical="center" wrapText="1"/>
    </xf>
    <xf numFmtId="0" fontId="18" fillId="0" borderId="0" xfId="0" applyFont="1" applyBorder="1" applyAlignment="1">
      <alignment vertical="center"/>
    </xf>
    <xf numFmtId="0" fontId="14" fillId="0" borderId="46" xfId="0" applyFont="1" applyBorder="1" applyAlignment="1">
      <alignment horizontal="center" vertical="center" wrapText="1"/>
    </xf>
    <xf numFmtId="0" fontId="14" fillId="0" borderId="47" xfId="0" applyFont="1" applyBorder="1" applyAlignment="1">
      <alignment horizontal="justify" vertical="center" wrapText="1"/>
    </xf>
    <xf numFmtId="0" fontId="0" fillId="0" borderId="47" xfId="0" applyBorder="1" applyAlignment="1">
      <alignment horizontal="justify" vertical="center" wrapText="1"/>
    </xf>
    <xf numFmtId="0" fontId="0" fillId="0" borderId="47" xfId="0" applyBorder="1" applyAlignment="1">
      <alignment vertical="center" wrapText="1"/>
    </xf>
    <xf numFmtId="0" fontId="0" fillId="0" borderId="48" xfId="0" applyBorder="1" applyAlignment="1">
      <alignment vertical="center" wrapText="1"/>
    </xf>
    <xf numFmtId="0" fontId="5" fillId="0" borderId="10" xfId="0" applyFont="1" applyBorder="1" applyAlignment="1">
      <alignment horizontal="justify"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11</xdr:col>
      <xdr:colOff>141695</xdr:colOff>
      <xdr:row>7</xdr:row>
      <xdr:rowOff>11803</xdr:rowOff>
    </xdr:from>
    <xdr:to>
      <xdr:col>17</xdr:col>
      <xdr:colOff>346749</xdr:colOff>
      <xdr:row>15</xdr:row>
      <xdr:rowOff>27169</xdr:rowOff>
    </xdr:to>
    <xdr:sp macro="" textlink="">
      <xdr:nvSpPr>
        <xdr:cNvPr id="3" name="テキスト ボックス 2"/>
        <xdr:cNvSpPr txBox="1"/>
      </xdr:nvSpPr>
      <xdr:spPr>
        <a:xfrm>
          <a:off x="7097167" y="1506142"/>
          <a:ext cx="3913733" cy="1788197"/>
        </a:xfrm>
        <a:prstGeom prst="rect">
          <a:avLst/>
        </a:prstGeom>
        <a:solidFill>
          <a:srgbClr val="FFFF00"/>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t>注意事項</a:t>
          </a:r>
          <a:endParaRPr kumimoji="1" lang="en-US" altLang="ja-JP" sz="1100"/>
        </a:p>
        <a:p>
          <a:r>
            <a:rPr kumimoji="1" lang="ja-JP" altLang="en-US" sz="1100"/>
            <a:t>・行や列を増やしたり（挿入）、減らしたり（削除）しないでください。</a:t>
          </a:r>
          <a:endParaRPr kumimoji="1" lang="en-US" altLang="ja-JP" sz="1100"/>
        </a:p>
        <a:p>
          <a:r>
            <a:rPr kumimoji="1" lang="ja-JP" altLang="en-US" sz="1100"/>
            <a:t>・行や列の幅（長さ）で入力を加減してください。</a:t>
          </a:r>
          <a:endParaRPr kumimoji="1" lang="en-US" altLang="ja-JP" sz="1100"/>
        </a:p>
        <a:p>
          <a:r>
            <a:rPr kumimoji="1" lang="ja-JP" altLang="en-US" sz="1100"/>
            <a:t>・セルの結合は可能です。</a:t>
          </a:r>
          <a:endParaRPr kumimoji="1" lang="en-US" altLang="ja-JP" sz="1100"/>
        </a:p>
        <a:p>
          <a:r>
            <a:rPr kumimoji="1" lang="ja-JP" altLang="en-US" sz="1100"/>
            <a:t>・</a:t>
          </a:r>
          <a:r>
            <a:rPr kumimoji="1" lang="en-US" altLang="ja-JP" sz="1100"/>
            <a:t>A</a:t>
          </a:r>
          <a:r>
            <a:rPr kumimoji="1" lang="ja-JP" altLang="en-US" sz="1100"/>
            <a:t>列は削除せず、該当する医ケア項目には■、いらない項目は□を選んでください。</a:t>
          </a:r>
          <a:endParaRPr kumimoji="1" lang="en-US" altLang="ja-JP" sz="1100"/>
        </a:p>
        <a:p>
          <a:r>
            <a:rPr kumimoji="1" lang="ja-JP" altLang="en-US" sz="1100"/>
            <a:t>・疑問点はいつでも連絡ください。</a:t>
          </a:r>
          <a:endParaRPr kumimoji="1" lang="en-US" altLang="ja-JP" sz="1100"/>
        </a:p>
        <a:p>
          <a:r>
            <a:rPr kumimoji="1" lang="ja-JP" altLang="en-US" sz="1100"/>
            <a:t>　　</a:t>
          </a:r>
          <a:r>
            <a:rPr kumimoji="1" lang="en-US" altLang="ja-JP" sz="1100"/>
            <a:t>kodomo-hsc@city.itami.lg.jp</a:t>
          </a:r>
          <a:r>
            <a:rPr kumimoji="1" lang="en-US" altLang="ja-JP" sz="1100" baseline="0"/>
            <a:t> </a:t>
          </a:r>
        </a:p>
        <a:p>
          <a:r>
            <a:rPr kumimoji="1" lang="ja-JP" altLang="en-US" sz="1100" baseline="0"/>
            <a:t>　　０７２－７８４－８１２８（あすぱる）</a:t>
          </a:r>
          <a:endParaRPr kumimoji="1" lang="en-US" altLang="ja-JP" sz="1100"/>
        </a:p>
        <a:p>
          <a:endParaRPr kumimoji="1" lang="en-US" altLang="ja-JP" sz="1100"/>
        </a:p>
        <a:p>
          <a:endParaRPr kumimoji="1" lang="en-US" altLang="ja-JP" sz="1100"/>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1</xdr:col>
      <xdr:colOff>603849</xdr:colOff>
      <xdr:row>183</xdr:row>
      <xdr:rowOff>155275</xdr:rowOff>
    </xdr:from>
    <xdr:to>
      <xdr:col>2</xdr:col>
      <xdr:colOff>276045</xdr:colOff>
      <xdr:row>185</xdr:row>
      <xdr:rowOff>17253</xdr:rowOff>
    </xdr:to>
    <xdr:sp macro="" textlink="">
      <xdr:nvSpPr>
        <xdr:cNvPr id="2" name="楕円 1"/>
        <xdr:cNvSpPr/>
      </xdr:nvSpPr>
      <xdr:spPr>
        <a:xfrm>
          <a:off x="1224951" y="35463192"/>
          <a:ext cx="293298" cy="189782"/>
        </a:xfrm>
        <a:prstGeom prst="ellipse">
          <a:avLst/>
        </a:prstGeom>
        <a:no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xdr:col>
      <xdr:colOff>0</xdr:colOff>
      <xdr:row>187</xdr:row>
      <xdr:rowOff>0</xdr:rowOff>
    </xdr:from>
    <xdr:to>
      <xdr:col>2</xdr:col>
      <xdr:colOff>293298</xdr:colOff>
      <xdr:row>188</xdr:row>
      <xdr:rowOff>25880</xdr:rowOff>
    </xdr:to>
    <xdr:sp macro="" textlink="">
      <xdr:nvSpPr>
        <xdr:cNvPr id="4" name="楕円 3"/>
        <xdr:cNvSpPr/>
      </xdr:nvSpPr>
      <xdr:spPr>
        <a:xfrm>
          <a:off x="1242204" y="35972151"/>
          <a:ext cx="293298" cy="189782"/>
        </a:xfrm>
        <a:prstGeom prst="ellipse">
          <a:avLst/>
        </a:prstGeom>
        <a:no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dimension ref="A1:R481"/>
  <sheetViews>
    <sheetView tabSelected="1" view="pageBreakPreview" topLeftCell="A55" zoomScale="90" zoomScaleNormal="100" zoomScaleSheetLayoutView="90" zoomScalePageLayoutView="90" workbookViewId="0">
      <selection activeCell="G10" sqref="G10"/>
    </sheetView>
  </sheetViews>
  <sheetFormatPr defaultRowHeight="13.5" x14ac:dyDescent="0.15"/>
  <cols>
    <col min="1" max="1" width="9" style="10" customWidth="1"/>
    <col min="2" max="2" width="9.75" style="10" customWidth="1"/>
    <col min="3" max="5" width="9" style="10" customWidth="1"/>
    <col min="6" max="6" width="10.25" style="10" customWidth="1"/>
    <col min="7" max="11" width="9.125" style="10" customWidth="1"/>
    <col min="12" max="16384" width="9" style="10"/>
  </cols>
  <sheetData>
    <row r="1" spans="1:14" s="58" customFormat="1" x14ac:dyDescent="0.15"/>
    <row r="2" spans="1:14" s="58" customFormat="1" x14ac:dyDescent="0.15">
      <c r="N2" s="145"/>
    </row>
    <row r="3" spans="1:14" s="58" customFormat="1" x14ac:dyDescent="0.15">
      <c r="N3" s="145"/>
    </row>
    <row r="4" spans="1:14" s="58" customFormat="1" x14ac:dyDescent="0.15">
      <c r="N4" s="145"/>
    </row>
    <row r="5" spans="1:14" s="58" customFormat="1" x14ac:dyDescent="0.15">
      <c r="N5" s="145"/>
    </row>
    <row r="6" spans="1:14" ht="32.25" x14ac:dyDescent="0.15">
      <c r="A6" s="315" t="s">
        <v>37</v>
      </c>
      <c r="B6" s="316"/>
      <c r="C6" s="316"/>
      <c r="D6" s="316"/>
      <c r="E6" s="316"/>
      <c r="F6" s="316"/>
      <c r="G6" s="316"/>
      <c r="H6" s="316"/>
      <c r="I6" s="316"/>
      <c r="J6" s="316"/>
      <c r="K6" s="316"/>
      <c r="N6" s="145"/>
    </row>
    <row r="7" spans="1:14" s="58" customFormat="1" ht="21.2" customHeight="1" x14ac:dyDescent="0.15">
      <c r="B7" s="56"/>
      <c r="N7" s="145"/>
    </row>
    <row r="8" spans="1:14" s="58" customFormat="1" ht="23.1" customHeight="1" x14ac:dyDescent="0.15">
      <c r="B8" s="56"/>
      <c r="N8" s="145"/>
    </row>
    <row r="9" spans="1:14" s="58" customFormat="1" ht="21.2" customHeight="1" x14ac:dyDescent="0.15">
      <c r="B9" s="56"/>
      <c r="N9" s="145"/>
    </row>
    <row r="10" spans="1:14" s="58" customFormat="1" ht="21.2" customHeight="1" x14ac:dyDescent="0.15">
      <c r="B10" s="56"/>
      <c r="N10" s="145"/>
    </row>
    <row r="11" spans="1:14" x14ac:dyDescent="0.15">
      <c r="N11" s="145"/>
    </row>
    <row r="12" spans="1:14" x14ac:dyDescent="0.15">
      <c r="N12" s="145"/>
    </row>
    <row r="13" spans="1:14" ht="23.1" customHeight="1" thickBot="1" x14ac:dyDescent="0.2">
      <c r="B13" s="64"/>
      <c r="C13" s="64"/>
      <c r="D13" s="64"/>
      <c r="E13" s="64"/>
      <c r="F13" s="64"/>
      <c r="G13" s="64"/>
      <c r="H13" s="59" t="s">
        <v>38</v>
      </c>
      <c r="N13" s="145"/>
    </row>
    <row r="14" spans="1:14" ht="14.25" thickTop="1" x14ac:dyDescent="0.15">
      <c r="N14" s="145"/>
    </row>
    <row r="15" spans="1:14" x14ac:dyDescent="0.15">
      <c r="N15" s="145"/>
    </row>
    <row r="16" spans="1:14" s="58" customFormat="1" x14ac:dyDescent="0.15">
      <c r="N16" s="145"/>
    </row>
    <row r="17" spans="2:14" s="58" customFormat="1" x14ac:dyDescent="0.15">
      <c r="N17" s="145"/>
    </row>
    <row r="18" spans="2:14" s="58" customFormat="1" x14ac:dyDescent="0.15">
      <c r="N18" s="145"/>
    </row>
    <row r="19" spans="2:14" ht="21" x14ac:dyDescent="0.15">
      <c r="B19" s="59" t="s">
        <v>318</v>
      </c>
      <c r="N19" s="145"/>
    </row>
    <row r="20" spans="2:14" s="62" customFormat="1" ht="7.5" customHeight="1" x14ac:dyDescent="0.15">
      <c r="B20" s="59"/>
      <c r="N20" s="145"/>
    </row>
    <row r="21" spans="2:14" ht="21" x14ac:dyDescent="0.15">
      <c r="B21" s="59" t="s">
        <v>40</v>
      </c>
      <c r="F21"/>
      <c r="N21" s="145"/>
    </row>
    <row r="22" spans="2:14" s="62" customFormat="1" ht="7.5" customHeight="1" x14ac:dyDescent="0.15">
      <c r="B22" s="59"/>
      <c r="F22"/>
      <c r="N22" s="145"/>
    </row>
    <row r="23" spans="2:14" ht="21" x14ac:dyDescent="0.15">
      <c r="B23" s="60" t="s">
        <v>45</v>
      </c>
      <c r="N23" s="145"/>
    </row>
    <row r="24" spans="2:14" s="62" customFormat="1" ht="7.5" customHeight="1" x14ac:dyDescent="0.15">
      <c r="B24" s="60"/>
      <c r="N24" s="145"/>
    </row>
    <row r="25" spans="2:14" ht="25.5" customHeight="1" x14ac:dyDescent="0.15">
      <c r="B25" s="61" t="s">
        <v>44</v>
      </c>
      <c r="N25" s="145"/>
    </row>
    <row r="26" spans="2:14" s="62" customFormat="1" ht="7.5" customHeight="1" x14ac:dyDescent="0.15">
      <c r="B26" s="61"/>
      <c r="N26" s="145"/>
    </row>
    <row r="27" spans="2:14" ht="21" x14ac:dyDescent="0.15">
      <c r="B27" s="57" t="s">
        <v>46</v>
      </c>
      <c r="N27" s="145"/>
    </row>
    <row r="28" spans="2:14" s="62" customFormat="1" ht="7.5" customHeight="1" x14ac:dyDescent="0.15">
      <c r="B28" s="57"/>
      <c r="N28" s="145"/>
    </row>
    <row r="29" spans="2:14" ht="21" x14ac:dyDescent="0.15">
      <c r="B29" s="59" t="s">
        <v>41</v>
      </c>
      <c r="N29" s="145"/>
    </row>
    <row r="30" spans="2:14" s="58" customFormat="1" ht="19.149999999999999" customHeight="1" x14ac:dyDescent="0.15">
      <c r="B30" s="59"/>
      <c r="N30" s="145"/>
    </row>
    <row r="31" spans="2:14" s="58" customFormat="1" ht="19.149999999999999" customHeight="1" x14ac:dyDescent="0.15">
      <c r="B31" s="59"/>
      <c r="N31" s="145"/>
    </row>
    <row r="32" spans="2:14" s="58" customFormat="1" ht="19.149999999999999" customHeight="1" x14ac:dyDescent="0.15">
      <c r="B32" s="59"/>
      <c r="N32" s="145"/>
    </row>
    <row r="33" spans="1:14" s="58" customFormat="1" ht="19.149999999999999" customHeight="1" x14ac:dyDescent="0.15">
      <c r="B33" s="59"/>
      <c r="N33" s="145"/>
    </row>
    <row r="34" spans="1:14" ht="19.149999999999999" customHeight="1" x14ac:dyDescent="0.15">
      <c r="B34" s="57"/>
      <c r="N34" s="145" t="s">
        <v>241</v>
      </c>
    </row>
    <row r="35" spans="1:14" ht="19.7" customHeight="1" x14ac:dyDescent="0.15">
      <c r="H35" s="214" t="s">
        <v>42</v>
      </c>
      <c r="I35" s="215"/>
      <c r="N35" s="145"/>
    </row>
    <row r="36" spans="1:14" ht="21" x14ac:dyDescent="0.15">
      <c r="I36" s="63" t="s">
        <v>47</v>
      </c>
      <c r="N36" s="145"/>
    </row>
    <row r="37" spans="1:14" x14ac:dyDescent="0.15">
      <c r="N37" s="145"/>
    </row>
    <row r="38" spans="1:14" ht="19.149999999999999" customHeight="1" x14ac:dyDescent="0.15">
      <c r="H38" s="57" t="s">
        <v>48</v>
      </c>
      <c r="N38" s="145"/>
    </row>
    <row r="39" spans="1:14" ht="21" x14ac:dyDescent="0.15">
      <c r="I39" s="57" t="s">
        <v>47</v>
      </c>
      <c r="N39" s="145"/>
    </row>
    <row r="40" spans="1:14" x14ac:dyDescent="0.15">
      <c r="N40" s="145"/>
    </row>
    <row r="41" spans="1:14" ht="24.75" customHeight="1" x14ac:dyDescent="0.15">
      <c r="N41" s="145"/>
    </row>
    <row r="42" spans="1:14" s="58" customFormat="1" ht="24.75" customHeight="1" x14ac:dyDescent="0.15">
      <c r="N42" s="145"/>
    </row>
    <row r="43" spans="1:14" s="58" customFormat="1" ht="24.75" customHeight="1" x14ac:dyDescent="0.15">
      <c r="N43" s="145"/>
    </row>
    <row r="44" spans="1:14" s="58" customFormat="1" ht="23.1" customHeight="1" x14ac:dyDescent="0.15">
      <c r="N44" s="145" t="s">
        <v>240</v>
      </c>
    </row>
    <row r="45" spans="1:14" s="62" customFormat="1" ht="24.75" customHeight="1" x14ac:dyDescent="0.15"/>
    <row r="46" spans="1:14" s="58" customFormat="1" ht="24.75" customHeight="1" x14ac:dyDescent="0.15">
      <c r="A46" s="90" t="s">
        <v>49</v>
      </c>
    </row>
    <row r="47" spans="1:14" s="58" customFormat="1" ht="24.75" customHeight="1" x14ac:dyDescent="0.15"/>
    <row r="48" spans="1:14" s="58" customFormat="1" ht="24.75" customHeight="1" x14ac:dyDescent="0.15">
      <c r="B48" s="90" t="s">
        <v>317</v>
      </c>
    </row>
    <row r="49" spans="1:2" s="62" customFormat="1" ht="7.5" customHeight="1" x14ac:dyDescent="0.15">
      <c r="B49" s="90"/>
    </row>
    <row r="50" spans="1:2" s="58" customFormat="1" ht="24.75" customHeight="1" x14ac:dyDescent="0.15">
      <c r="B50" s="90" t="s">
        <v>51</v>
      </c>
    </row>
    <row r="51" spans="1:2" s="62" customFormat="1" ht="7.5" customHeight="1" x14ac:dyDescent="0.15">
      <c r="B51" s="90"/>
    </row>
    <row r="52" spans="1:2" s="58" customFormat="1" ht="24.75" customHeight="1" x14ac:dyDescent="0.15">
      <c r="B52" s="90" t="s">
        <v>52</v>
      </c>
    </row>
    <row r="53" spans="1:2" s="62" customFormat="1" ht="7.5" customHeight="1" x14ac:dyDescent="0.15">
      <c r="B53" s="90"/>
    </row>
    <row r="54" spans="1:2" s="58" customFormat="1" ht="24.75" customHeight="1" x14ac:dyDescent="0.15">
      <c r="B54" s="90" t="s">
        <v>97</v>
      </c>
    </row>
    <row r="55" spans="1:2" s="62" customFormat="1" ht="7.5" customHeight="1" x14ac:dyDescent="0.15">
      <c r="B55" s="90"/>
    </row>
    <row r="56" spans="1:2" s="58" customFormat="1" ht="24.75" customHeight="1" x14ac:dyDescent="0.15">
      <c r="B56" s="90" t="s">
        <v>98</v>
      </c>
    </row>
    <row r="57" spans="1:2" s="58" customFormat="1" ht="24.75" customHeight="1" x14ac:dyDescent="0.15"/>
    <row r="58" spans="1:2" s="58" customFormat="1" ht="24.75" customHeight="1" x14ac:dyDescent="0.15"/>
    <row r="59" spans="1:2" s="58" customFormat="1" ht="24.75" customHeight="1" x14ac:dyDescent="0.15">
      <c r="A59" s="90" t="s">
        <v>53</v>
      </c>
    </row>
    <row r="60" spans="1:2" s="58" customFormat="1" ht="24.75" customHeight="1" x14ac:dyDescent="0.15"/>
    <row r="61" spans="1:2" s="58" customFormat="1" ht="24.75" customHeight="1" x14ac:dyDescent="0.15">
      <c r="B61" s="90" t="s">
        <v>99</v>
      </c>
    </row>
    <row r="62" spans="1:2" s="62" customFormat="1" ht="7.5" customHeight="1" x14ac:dyDescent="0.15">
      <c r="B62" s="90"/>
    </row>
    <row r="63" spans="1:2" s="58" customFormat="1" ht="24.75" customHeight="1" x14ac:dyDescent="0.15">
      <c r="B63" s="91" t="s">
        <v>100</v>
      </c>
    </row>
    <row r="64" spans="1:2" s="62" customFormat="1" ht="7.5" customHeight="1" x14ac:dyDescent="0.15">
      <c r="B64" s="91"/>
    </row>
    <row r="65" spans="2:2" s="58" customFormat="1" ht="24.75" customHeight="1" x14ac:dyDescent="0.15">
      <c r="B65" s="91" t="s">
        <v>54</v>
      </c>
    </row>
    <row r="66" spans="2:2" s="62" customFormat="1" ht="24.75" customHeight="1" x14ac:dyDescent="0.15">
      <c r="B66" s="91"/>
    </row>
    <row r="67" spans="2:2" s="58" customFormat="1" ht="24.75" customHeight="1" x14ac:dyDescent="0.15">
      <c r="B67" s="90" t="s">
        <v>55</v>
      </c>
    </row>
    <row r="68" spans="2:2" s="62" customFormat="1" ht="7.5" customHeight="1" x14ac:dyDescent="0.15">
      <c r="B68" s="90"/>
    </row>
    <row r="69" spans="2:2" s="58" customFormat="1" ht="24.75" customHeight="1" x14ac:dyDescent="0.15">
      <c r="B69" s="90" t="s">
        <v>56</v>
      </c>
    </row>
    <row r="70" spans="2:2" s="62" customFormat="1" ht="24.75" customHeight="1" x14ac:dyDescent="0.15">
      <c r="B70" s="90"/>
    </row>
    <row r="71" spans="2:2" s="58" customFormat="1" ht="24.75" customHeight="1" x14ac:dyDescent="0.15">
      <c r="B71" s="90" t="s">
        <v>57</v>
      </c>
    </row>
    <row r="72" spans="2:2" s="62" customFormat="1" ht="7.5" customHeight="1" x14ac:dyDescent="0.15">
      <c r="B72" s="90"/>
    </row>
    <row r="73" spans="2:2" s="58" customFormat="1" ht="24.75" customHeight="1" x14ac:dyDescent="0.15">
      <c r="B73" s="90" t="s">
        <v>58</v>
      </c>
    </row>
    <row r="74" spans="2:2" s="58" customFormat="1" ht="21.2" customHeight="1" x14ac:dyDescent="0.15"/>
    <row r="75" spans="2:2" s="58" customFormat="1" ht="21.2" customHeight="1" x14ac:dyDescent="0.15"/>
    <row r="76" spans="2:2" s="58" customFormat="1" ht="21.2" customHeight="1" x14ac:dyDescent="0.15"/>
    <row r="77" spans="2:2" s="58" customFormat="1" ht="21.2" customHeight="1" x14ac:dyDescent="0.15"/>
    <row r="78" spans="2:2" s="58" customFormat="1" ht="21.2" customHeight="1" x14ac:dyDescent="0.15"/>
    <row r="79" spans="2:2" s="58" customFormat="1" ht="21.2" customHeight="1" x14ac:dyDescent="0.15"/>
    <row r="80" spans="2:2" s="58" customFormat="1" ht="21.2" customHeight="1" x14ac:dyDescent="0.15"/>
    <row r="81" spans="1:11" s="58" customFormat="1" ht="21.2" customHeight="1" x14ac:dyDescent="0.15"/>
    <row r="82" spans="1:11" s="58" customFormat="1" ht="30.2" customHeight="1" thickBot="1" x14ac:dyDescent="0.2">
      <c r="C82" s="74" t="s">
        <v>59</v>
      </c>
      <c r="D82" s="26"/>
      <c r="E82" s="26"/>
      <c r="F82" s="66" t="s">
        <v>60</v>
      </c>
    </row>
    <row r="83" spans="1:11" s="62" customFormat="1" ht="12.75" customHeight="1" thickBot="1" x14ac:dyDescent="0.2">
      <c r="C83" s="71"/>
      <c r="D83" s="15"/>
      <c r="E83" s="15"/>
      <c r="F83" s="66"/>
    </row>
    <row r="84" spans="1:11" s="58" customFormat="1" ht="17.45" customHeight="1" x14ac:dyDescent="0.15">
      <c r="A84" s="2" t="s">
        <v>61</v>
      </c>
      <c r="B84" s="11" t="s">
        <v>0</v>
      </c>
      <c r="C84" s="225"/>
      <c r="D84" s="225"/>
      <c r="E84" s="225"/>
      <c r="F84" s="226"/>
      <c r="H84" s="28"/>
      <c r="I84" s="12"/>
      <c r="J84" s="12"/>
      <c r="K84" s="13"/>
    </row>
    <row r="85" spans="1:11" s="58" customFormat="1" ht="24.75" customHeight="1" x14ac:dyDescent="0.15">
      <c r="A85" s="67"/>
      <c r="B85" s="227"/>
      <c r="C85" s="228"/>
      <c r="D85" s="228"/>
      <c r="E85" s="228"/>
      <c r="F85" s="229"/>
      <c r="H85" s="169" t="s">
        <v>80</v>
      </c>
      <c r="I85" s="15"/>
      <c r="J85" s="15"/>
      <c r="K85" s="16"/>
    </row>
    <row r="86" spans="1:11" s="58" customFormat="1" ht="17.45" customHeight="1" x14ac:dyDescent="0.15">
      <c r="A86" s="68" t="s">
        <v>62</v>
      </c>
      <c r="B86" s="17" t="s">
        <v>104</v>
      </c>
      <c r="C86" s="18"/>
      <c r="D86" s="18"/>
      <c r="E86" s="18"/>
      <c r="F86" s="69"/>
      <c r="H86" s="24"/>
      <c r="I86" s="15"/>
      <c r="J86" s="15"/>
      <c r="K86" s="16"/>
    </row>
    <row r="87" spans="1:11" s="58" customFormat="1" ht="17.45" customHeight="1" x14ac:dyDescent="0.15">
      <c r="A87" s="72" t="s">
        <v>63</v>
      </c>
      <c r="B87" s="18"/>
      <c r="C87" s="18"/>
      <c r="D87" s="18"/>
      <c r="E87" s="18"/>
      <c r="F87" s="69"/>
      <c r="H87" s="24"/>
      <c r="I87" s="15"/>
      <c r="J87" s="15"/>
      <c r="K87" s="16"/>
    </row>
    <row r="88" spans="1:11" s="58" customFormat="1" ht="24.75" customHeight="1" x14ac:dyDescent="0.15">
      <c r="A88" s="230"/>
      <c r="B88" s="219"/>
      <c r="C88" s="219"/>
      <c r="D88" s="219"/>
      <c r="E88" s="219"/>
      <c r="F88" s="220"/>
      <c r="H88" s="24"/>
      <c r="I88" s="15"/>
      <c r="J88" s="15"/>
      <c r="K88" s="16"/>
    </row>
    <row r="89" spans="1:11" s="58" customFormat="1" ht="17.45" customHeight="1" x14ac:dyDescent="0.15">
      <c r="A89" s="208" t="s">
        <v>88</v>
      </c>
      <c r="B89" s="22"/>
      <c r="C89" s="22"/>
      <c r="D89" s="77"/>
      <c r="E89" s="22" t="s">
        <v>89</v>
      </c>
      <c r="F89" s="209"/>
      <c r="H89" s="24"/>
      <c r="I89" s="15"/>
      <c r="J89" s="15"/>
      <c r="K89" s="16"/>
    </row>
    <row r="90" spans="1:11" s="58" customFormat="1" ht="24.75" customHeight="1" x14ac:dyDescent="0.15">
      <c r="A90" s="231" t="s">
        <v>182</v>
      </c>
      <c r="B90" s="232"/>
      <c r="C90" s="232"/>
      <c r="D90" s="233"/>
      <c r="E90" s="234" t="s">
        <v>183</v>
      </c>
      <c r="F90" s="235"/>
      <c r="H90" s="24"/>
      <c r="I90" s="15"/>
      <c r="J90" s="15"/>
      <c r="K90" s="16"/>
    </row>
    <row r="91" spans="1:11" s="62" customFormat="1" ht="17.45" customHeight="1" x14ac:dyDescent="0.15">
      <c r="A91" s="208" t="s">
        <v>86</v>
      </c>
      <c r="B91" s="22"/>
      <c r="C91" s="210"/>
      <c r="D91" s="22"/>
      <c r="E91" s="211"/>
      <c r="F91" s="209"/>
      <c r="H91" s="24"/>
      <c r="I91" s="15"/>
      <c r="J91" s="15"/>
      <c r="K91" s="16"/>
    </row>
    <row r="92" spans="1:11" s="62" customFormat="1" ht="25.5" customHeight="1" thickBot="1" x14ac:dyDescent="0.2">
      <c r="A92" s="25"/>
      <c r="B92" s="26" t="s">
        <v>105</v>
      </c>
      <c r="C92" s="87" t="s">
        <v>87</v>
      </c>
      <c r="D92" s="26"/>
      <c r="E92" s="87" t="s">
        <v>93</v>
      </c>
      <c r="F92" s="89" t="s">
        <v>116</v>
      </c>
      <c r="H92" s="25"/>
      <c r="I92" s="26"/>
      <c r="J92" s="26"/>
      <c r="K92" s="27"/>
    </row>
    <row r="93" spans="1:11" s="62" customFormat="1" ht="12.95" customHeight="1" thickBot="1" x14ac:dyDescent="0.2">
      <c r="A93" s="15"/>
      <c r="B93" s="15"/>
      <c r="C93" s="15"/>
      <c r="D93" s="15"/>
      <c r="E93" s="75"/>
      <c r="F93" s="15"/>
      <c r="H93" s="15"/>
      <c r="I93" s="15"/>
      <c r="J93" s="15"/>
      <c r="K93" s="15"/>
    </row>
    <row r="94" spans="1:11" s="58" customFormat="1" ht="17.45" customHeight="1" x14ac:dyDescent="0.15">
      <c r="A94" s="28" t="s">
        <v>64</v>
      </c>
      <c r="B94" s="86"/>
      <c r="C94" s="86"/>
      <c r="D94" s="86"/>
      <c r="E94" s="86"/>
      <c r="F94" s="86"/>
      <c r="G94" s="86"/>
      <c r="H94" s="86"/>
      <c r="I94" s="86"/>
      <c r="J94" s="86"/>
      <c r="K94" s="88"/>
    </row>
    <row r="95" spans="1:11" s="58" customFormat="1" ht="24.75" customHeight="1" x14ac:dyDescent="0.15">
      <c r="A95" s="24"/>
      <c r="B95" s="236" t="s">
        <v>65</v>
      </c>
      <c r="C95" s="221"/>
      <c r="D95" s="219"/>
      <c r="E95" s="219"/>
      <c r="F95" s="219"/>
      <c r="G95" s="219"/>
      <c r="H95" s="219"/>
      <c r="I95" s="219"/>
      <c r="J95" s="219"/>
      <c r="K95" s="220"/>
    </row>
    <row r="96" spans="1:11" s="62" customFormat="1" ht="24.75" customHeight="1" x14ac:dyDescent="0.15">
      <c r="A96" s="24"/>
      <c r="B96" s="236" t="s">
        <v>68</v>
      </c>
      <c r="C96" s="221"/>
      <c r="D96" s="219"/>
      <c r="E96" s="219"/>
      <c r="F96" s="219"/>
      <c r="G96" s="219"/>
      <c r="H96" s="219"/>
      <c r="I96" s="219"/>
      <c r="J96" s="219"/>
      <c r="K96" s="220"/>
    </row>
    <row r="97" spans="1:14" s="58" customFormat="1" ht="25.5" customHeight="1" x14ac:dyDescent="0.15">
      <c r="A97" s="29"/>
      <c r="B97" s="236" t="s">
        <v>67</v>
      </c>
      <c r="C97" s="221"/>
      <c r="D97" s="219"/>
      <c r="E97" s="219"/>
      <c r="F97" s="219"/>
      <c r="G97" s="219"/>
      <c r="H97" s="219"/>
      <c r="I97" s="219"/>
      <c r="J97" s="219"/>
      <c r="K97" s="220"/>
    </row>
    <row r="98" spans="1:14" s="62" customFormat="1" ht="17.45" customHeight="1" x14ac:dyDescent="0.15">
      <c r="A98" s="24" t="s">
        <v>69</v>
      </c>
      <c r="B98" s="15"/>
      <c r="C98" s="15"/>
      <c r="D98" s="15"/>
      <c r="E98" s="15"/>
      <c r="F98" s="15"/>
      <c r="G98" s="18"/>
      <c r="H98" s="18"/>
      <c r="I98" s="18"/>
      <c r="J98" s="18"/>
      <c r="K98" s="69"/>
    </row>
    <row r="99" spans="1:14" s="62" customFormat="1" ht="25.5" customHeight="1" x14ac:dyDescent="0.15">
      <c r="A99" s="24"/>
      <c r="B99" s="101" t="s">
        <v>70</v>
      </c>
      <c r="C99" s="237" t="s">
        <v>184</v>
      </c>
      <c r="D99" s="238"/>
      <c r="E99" s="19" t="s">
        <v>75</v>
      </c>
      <c r="F99" s="241" t="s">
        <v>19</v>
      </c>
      <c r="G99" s="242"/>
      <c r="H99" s="242"/>
      <c r="I99" s="242"/>
      <c r="J99" s="242"/>
      <c r="K99" s="243"/>
    </row>
    <row r="100" spans="1:14" s="62" customFormat="1" ht="25.5" customHeight="1" x14ac:dyDescent="0.15">
      <c r="A100" s="24"/>
      <c r="B100" s="101" t="s">
        <v>72</v>
      </c>
      <c r="C100" s="237" t="s">
        <v>184</v>
      </c>
      <c r="D100" s="238"/>
      <c r="E100" s="19" t="s">
        <v>76</v>
      </c>
      <c r="F100" s="244"/>
      <c r="G100" s="245"/>
      <c r="H100" s="245"/>
      <c r="I100" s="245"/>
      <c r="J100" s="245"/>
      <c r="K100" s="246"/>
    </row>
    <row r="101" spans="1:14" s="62" customFormat="1" ht="25.5" customHeight="1" x14ac:dyDescent="0.15">
      <c r="A101" s="24"/>
      <c r="B101" s="101" t="s">
        <v>77</v>
      </c>
      <c r="C101" s="237" t="s">
        <v>185</v>
      </c>
      <c r="D101" s="238"/>
      <c r="E101" s="19" t="s">
        <v>78</v>
      </c>
      <c r="F101" s="244"/>
      <c r="G101" s="245"/>
      <c r="H101" s="245"/>
      <c r="I101" s="245"/>
      <c r="J101" s="245"/>
      <c r="K101" s="246"/>
    </row>
    <row r="102" spans="1:14" s="62" customFormat="1" ht="25.5" customHeight="1" x14ac:dyDescent="0.15">
      <c r="A102" s="24"/>
      <c r="B102" s="101" t="s">
        <v>73</v>
      </c>
      <c r="C102" s="237" t="s">
        <v>186</v>
      </c>
      <c r="D102" s="238"/>
      <c r="E102" s="19" t="s">
        <v>79</v>
      </c>
      <c r="F102" s="244"/>
      <c r="G102" s="245"/>
      <c r="H102" s="245"/>
      <c r="I102" s="245"/>
      <c r="J102" s="245"/>
      <c r="K102" s="246"/>
    </row>
    <row r="103" spans="1:14" s="62" customFormat="1" ht="25.5" customHeight="1" thickBot="1" x14ac:dyDescent="0.2">
      <c r="A103" s="25"/>
      <c r="B103" s="102" t="s">
        <v>74</v>
      </c>
      <c r="C103" s="239" t="s">
        <v>187</v>
      </c>
      <c r="D103" s="240"/>
      <c r="E103" s="73" t="s">
        <v>79</v>
      </c>
      <c r="F103" s="247"/>
      <c r="G103" s="248"/>
      <c r="H103" s="248"/>
      <c r="I103" s="248"/>
      <c r="J103" s="248"/>
      <c r="K103" s="249"/>
    </row>
    <row r="104" spans="1:14" s="147" customFormat="1" ht="13.7" customHeight="1" x14ac:dyDescent="0.15">
      <c r="A104" s="146"/>
      <c r="B104" s="1"/>
      <c r="C104" s="146"/>
      <c r="D104" s="146"/>
      <c r="E104" s="146"/>
      <c r="F104" s="152"/>
      <c r="G104" s="152"/>
      <c r="H104" s="152"/>
      <c r="I104" s="152"/>
      <c r="J104" s="152"/>
      <c r="K104" s="152"/>
    </row>
    <row r="105" spans="1:14" s="62" customFormat="1" ht="25.5" customHeight="1" thickBot="1" x14ac:dyDescent="0.2">
      <c r="A105" s="138" t="s">
        <v>244</v>
      </c>
      <c r="B105" s="1"/>
      <c r="C105" s="15"/>
      <c r="D105" s="15"/>
      <c r="E105" s="15"/>
      <c r="F105" s="15"/>
    </row>
    <row r="106" spans="1:14" s="147" customFormat="1" ht="25.5" customHeight="1" x14ac:dyDescent="0.15">
      <c r="A106" s="251" t="s">
        <v>246</v>
      </c>
      <c r="B106" s="252"/>
      <c r="C106" s="252"/>
      <c r="D106" s="252"/>
      <c r="E106" s="252"/>
      <c r="F106" s="252"/>
      <c r="G106" s="252"/>
      <c r="H106" s="252"/>
      <c r="I106" s="252"/>
      <c r="J106" s="252"/>
      <c r="K106" s="253"/>
      <c r="N106" s="138"/>
    </row>
    <row r="107" spans="1:14" s="147" customFormat="1" ht="25.5" customHeight="1" x14ac:dyDescent="0.15">
      <c r="A107" s="254"/>
      <c r="B107" s="245"/>
      <c r="C107" s="245"/>
      <c r="D107" s="245"/>
      <c r="E107" s="245"/>
      <c r="F107" s="245"/>
      <c r="G107" s="245"/>
      <c r="H107" s="245"/>
      <c r="I107" s="245"/>
      <c r="J107" s="245"/>
      <c r="K107" s="246"/>
    </row>
    <row r="108" spans="1:14" s="147" customFormat="1" ht="25.5" customHeight="1" x14ac:dyDescent="0.15">
      <c r="A108" s="255" t="s">
        <v>247</v>
      </c>
      <c r="B108" s="245"/>
      <c r="C108" s="245"/>
      <c r="D108" s="245"/>
      <c r="E108" s="245"/>
      <c r="F108" s="245"/>
      <c r="G108" s="245"/>
      <c r="H108" s="245"/>
      <c r="I108" s="245"/>
      <c r="J108" s="245"/>
      <c r="K108" s="246"/>
    </row>
    <row r="109" spans="1:14" s="147" customFormat="1" ht="25.5" customHeight="1" x14ac:dyDescent="0.15">
      <c r="A109" s="254"/>
      <c r="B109" s="245"/>
      <c r="C109" s="245"/>
      <c r="D109" s="245"/>
      <c r="E109" s="245"/>
      <c r="F109" s="245"/>
      <c r="G109" s="245"/>
      <c r="H109" s="245"/>
      <c r="I109" s="245"/>
      <c r="J109" s="245"/>
      <c r="K109" s="246"/>
    </row>
    <row r="110" spans="1:14" s="147" customFormat="1" ht="25.5" customHeight="1" x14ac:dyDescent="0.15">
      <c r="A110" s="255" t="s">
        <v>248</v>
      </c>
      <c r="B110" s="245"/>
      <c r="C110" s="245"/>
      <c r="D110" s="245"/>
      <c r="E110" s="245"/>
      <c r="F110" s="245"/>
      <c r="G110" s="245"/>
      <c r="H110" s="245"/>
      <c r="I110" s="245"/>
      <c r="J110" s="245"/>
      <c r="K110" s="246"/>
    </row>
    <row r="111" spans="1:14" s="147" customFormat="1" ht="25.5" customHeight="1" x14ac:dyDescent="0.15">
      <c r="A111" s="254"/>
      <c r="B111" s="245"/>
      <c r="C111" s="245"/>
      <c r="D111" s="245"/>
      <c r="E111" s="245"/>
      <c r="F111" s="245"/>
      <c r="G111" s="245"/>
      <c r="H111" s="245"/>
      <c r="I111" s="245"/>
      <c r="J111" s="245"/>
      <c r="K111" s="246"/>
    </row>
    <row r="112" spans="1:14" s="147" customFormat="1" ht="25.5" customHeight="1" x14ac:dyDescent="0.15">
      <c r="A112" s="151" t="s">
        <v>249</v>
      </c>
      <c r="B112" s="1"/>
      <c r="C112" s="146"/>
      <c r="D112" s="146"/>
      <c r="E112" s="146"/>
      <c r="F112" s="146"/>
      <c r="G112" s="142"/>
      <c r="H112" s="142"/>
      <c r="I112" s="146"/>
      <c r="J112" s="146"/>
      <c r="K112" s="149"/>
    </row>
    <row r="113" spans="1:11" s="147" customFormat="1" ht="25.5" customHeight="1" x14ac:dyDescent="0.15">
      <c r="A113" s="151"/>
      <c r="B113" s="146" t="s">
        <v>245</v>
      </c>
      <c r="C113" s="146"/>
      <c r="D113" s="146"/>
      <c r="E113" s="146"/>
      <c r="F113" s="146"/>
      <c r="G113" s="142"/>
      <c r="H113" s="142"/>
      <c r="I113" s="146"/>
      <c r="J113" s="146"/>
      <c r="K113" s="149"/>
    </row>
    <row r="114" spans="1:11" s="147" customFormat="1" ht="25.5" customHeight="1" x14ac:dyDescent="0.15">
      <c r="A114" s="151"/>
      <c r="B114" s="146" t="s">
        <v>250</v>
      </c>
      <c r="C114" s="146"/>
      <c r="D114" s="146"/>
      <c r="E114" s="146"/>
      <c r="F114" s="146"/>
      <c r="G114" s="142"/>
      <c r="H114" s="142"/>
      <c r="I114" s="146"/>
      <c r="J114" s="146"/>
      <c r="K114" s="149"/>
    </row>
    <row r="115" spans="1:11" s="147" customFormat="1" ht="25.5" customHeight="1" x14ac:dyDescent="0.15">
      <c r="A115" s="151"/>
      <c r="B115" s="1"/>
      <c r="C115" s="146"/>
      <c r="D115" s="146"/>
      <c r="E115" s="146"/>
      <c r="F115" s="146"/>
      <c r="G115" s="146"/>
      <c r="H115" s="146"/>
      <c r="I115" s="146"/>
      <c r="J115" s="146"/>
      <c r="K115" s="149"/>
    </row>
    <row r="116" spans="1:11" s="147" customFormat="1" ht="25.5" customHeight="1" thickBot="1" x14ac:dyDescent="0.2">
      <c r="A116" s="25"/>
      <c r="B116" s="87"/>
      <c r="C116" s="148"/>
      <c r="D116" s="148"/>
      <c r="E116" s="148"/>
      <c r="F116" s="148"/>
      <c r="G116" s="148"/>
      <c r="H116" s="148"/>
      <c r="I116" s="148"/>
      <c r="J116" s="148"/>
      <c r="K116" s="150"/>
    </row>
    <row r="117" spans="1:11" s="62" customFormat="1" ht="25.5" customHeight="1" thickBot="1" x14ac:dyDescent="0.2">
      <c r="A117" s="15" t="s">
        <v>81</v>
      </c>
      <c r="B117" s="15"/>
      <c r="C117" s="15"/>
      <c r="D117" s="15"/>
      <c r="E117" s="15"/>
      <c r="F117" s="15"/>
    </row>
    <row r="118" spans="1:11" s="62" customFormat="1" ht="25.5" customHeight="1" x14ac:dyDescent="0.15">
      <c r="A118" s="80" t="s">
        <v>82</v>
      </c>
      <c r="B118" s="11" t="s">
        <v>1</v>
      </c>
      <c r="C118" s="12"/>
      <c r="D118" s="12"/>
      <c r="E118" s="12"/>
      <c r="F118" s="12"/>
      <c r="G118" s="12"/>
      <c r="H118" s="12"/>
      <c r="I118" s="12"/>
      <c r="J118" s="12"/>
      <c r="K118" s="13"/>
    </row>
    <row r="119" spans="1:11" s="62" customFormat="1" ht="25.5" customHeight="1" x14ac:dyDescent="0.15">
      <c r="A119" s="81"/>
      <c r="B119" s="14"/>
      <c r="C119" s="15"/>
      <c r="D119" s="15"/>
      <c r="E119" s="15"/>
      <c r="F119" s="15"/>
      <c r="G119" s="15"/>
      <c r="H119" s="15"/>
      <c r="I119" s="15"/>
      <c r="J119" s="15"/>
      <c r="K119" s="16"/>
    </row>
    <row r="120" spans="1:11" s="62" customFormat="1" ht="25.5" customHeight="1" x14ac:dyDescent="0.15">
      <c r="A120" s="81"/>
      <c r="B120" s="78"/>
      <c r="C120" s="20"/>
      <c r="D120" s="20"/>
      <c r="E120" s="20"/>
      <c r="F120" s="20"/>
      <c r="G120" s="20"/>
      <c r="H120" s="20"/>
      <c r="I120" s="20"/>
      <c r="J120" s="20"/>
      <c r="K120" s="21"/>
    </row>
    <row r="121" spans="1:11" s="62" customFormat="1" ht="25.5" customHeight="1" x14ac:dyDescent="0.15">
      <c r="A121" s="82" t="s">
        <v>84</v>
      </c>
      <c r="B121" s="17" t="s">
        <v>85</v>
      </c>
      <c r="C121" s="18"/>
      <c r="D121" s="219" t="s">
        <v>180</v>
      </c>
      <c r="E121" s="219"/>
      <c r="F121" s="221"/>
      <c r="G121" s="17" t="s">
        <v>102</v>
      </c>
      <c r="H121" s="18"/>
      <c r="I121" s="219" t="s">
        <v>180</v>
      </c>
      <c r="J121" s="219"/>
      <c r="K121" s="220"/>
    </row>
    <row r="122" spans="1:11" s="62" customFormat="1" ht="25.5" customHeight="1" x14ac:dyDescent="0.15">
      <c r="A122" s="83"/>
      <c r="B122" s="17" t="s">
        <v>101</v>
      </c>
      <c r="C122" s="18"/>
      <c r="D122" s="219" t="s">
        <v>180</v>
      </c>
      <c r="E122" s="219"/>
      <c r="F122" s="221"/>
      <c r="G122" s="17" t="s">
        <v>102</v>
      </c>
      <c r="H122" s="18"/>
      <c r="I122" s="219" t="s">
        <v>180</v>
      </c>
      <c r="J122" s="219"/>
      <c r="K122" s="220"/>
    </row>
    <row r="123" spans="1:11" s="62" customFormat="1" ht="25.5" customHeight="1" x14ac:dyDescent="0.15">
      <c r="A123" s="84"/>
      <c r="B123" s="20" t="s">
        <v>101</v>
      </c>
      <c r="C123" s="20"/>
      <c r="D123" s="219" t="s">
        <v>180</v>
      </c>
      <c r="E123" s="219"/>
      <c r="F123" s="221"/>
      <c r="G123" s="17" t="s">
        <v>101</v>
      </c>
      <c r="H123" s="18"/>
      <c r="I123" s="219" t="s">
        <v>180</v>
      </c>
      <c r="J123" s="219"/>
      <c r="K123" s="220"/>
    </row>
    <row r="124" spans="1:11" s="62" customFormat="1" ht="25.5" customHeight="1" x14ac:dyDescent="0.15">
      <c r="A124" s="82" t="s">
        <v>90</v>
      </c>
      <c r="B124" s="76" t="s">
        <v>91</v>
      </c>
      <c r="C124" s="22"/>
      <c r="D124" s="22"/>
      <c r="E124" s="22"/>
      <c r="F124" s="77"/>
      <c r="G124" s="17" t="s">
        <v>95</v>
      </c>
      <c r="H124" s="219" t="s">
        <v>181</v>
      </c>
      <c r="I124" s="219"/>
      <c r="J124" s="219"/>
      <c r="K124" s="220"/>
    </row>
    <row r="125" spans="1:11" s="58" customFormat="1" ht="24.75" customHeight="1" x14ac:dyDescent="0.15">
      <c r="A125" s="83"/>
      <c r="B125" s="78"/>
      <c r="C125" s="20"/>
      <c r="D125" s="20"/>
      <c r="E125" s="20"/>
      <c r="F125" s="79"/>
      <c r="G125" s="17" t="s">
        <v>96</v>
      </c>
      <c r="H125" s="219" t="s">
        <v>181</v>
      </c>
      <c r="I125" s="219"/>
      <c r="J125" s="219"/>
      <c r="K125" s="220"/>
    </row>
    <row r="126" spans="1:11" ht="24.75" customHeight="1" x14ac:dyDescent="0.15">
      <c r="A126" s="83"/>
      <c r="B126" s="17" t="s">
        <v>92</v>
      </c>
      <c r="C126" s="18"/>
      <c r="D126" s="18"/>
      <c r="E126" s="18"/>
      <c r="F126" s="18"/>
      <c r="G126" s="18"/>
      <c r="H126" s="18"/>
      <c r="I126" s="18"/>
      <c r="J126" s="18"/>
      <c r="K126" s="69"/>
    </row>
    <row r="127" spans="1:11" s="62" customFormat="1" ht="24.75" customHeight="1" x14ac:dyDescent="0.15">
      <c r="A127" s="83"/>
      <c r="B127" s="15" t="s">
        <v>94</v>
      </c>
      <c r="C127" s="15"/>
      <c r="D127" s="15"/>
      <c r="E127" s="15"/>
      <c r="F127" s="15"/>
      <c r="G127" s="15"/>
      <c r="H127" s="15"/>
      <c r="I127" s="15"/>
      <c r="J127" s="15"/>
      <c r="K127" s="16"/>
    </row>
    <row r="128" spans="1:11" ht="24.75" customHeight="1" thickBot="1" x14ac:dyDescent="0.2">
      <c r="A128" s="85"/>
      <c r="B128" s="26"/>
      <c r="C128" s="26"/>
      <c r="D128" s="26"/>
      <c r="E128" s="26"/>
      <c r="F128" s="26"/>
      <c r="G128" s="26"/>
      <c r="H128" s="26"/>
      <c r="I128" s="26"/>
      <c r="J128" s="26"/>
      <c r="K128" s="27"/>
    </row>
    <row r="129" spans="1:11" ht="17.45" customHeight="1" thickBot="1" x14ac:dyDescent="0.2">
      <c r="B129" s="10" t="s">
        <v>217</v>
      </c>
      <c r="G129" s="206" t="s">
        <v>288</v>
      </c>
    </row>
    <row r="130" spans="1:11" ht="24.75" customHeight="1" thickBot="1" x14ac:dyDescent="0.2">
      <c r="A130" s="213" t="s">
        <v>43</v>
      </c>
      <c r="B130" s="30" t="s">
        <v>106</v>
      </c>
      <c r="C130" s="31"/>
      <c r="D130" s="31"/>
      <c r="E130" s="32"/>
      <c r="F130" s="250" t="s">
        <v>34</v>
      </c>
      <c r="G130" s="225"/>
      <c r="H130" s="225"/>
      <c r="I130" s="225"/>
      <c r="J130" s="225"/>
      <c r="K130" s="226"/>
    </row>
    <row r="131" spans="1:11" ht="24.4" customHeight="1" x14ac:dyDescent="0.15">
      <c r="B131" s="7"/>
      <c r="C131" s="8"/>
      <c r="D131" s="8"/>
      <c r="E131" s="9"/>
      <c r="F131" s="261"/>
      <c r="G131" s="215"/>
      <c r="H131" s="215"/>
      <c r="I131" s="215"/>
      <c r="J131" s="215"/>
      <c r="K131" s="257"/>
    </row>
    <row r="132" spans="1:11" ht="24.75" customHeight="1" thickBot="1" x14ac:dyDescent="0.2">
      <c r="B132" s="92"/>
      <c r="C132" s="34"/>
      <c r="D132" s="34"/>
      <c r="E132" s="35"/>
      <c r="F132" s="258" t="s">
        <v>35</v>
      </c>
      <c r="G132" s="259"/>
      <c r="H132" s="259"/>
      <c r="I132" s="259"/>
      <c r="J132" s="259"/>
      <c r="K132" s="260"/>
    </row>
    <row r="133" spans="1:11" ht="24.75" customHeight="1" x14ac:dyDescent="0.15">
      <c r="A133" s="3" t="s">
        <v>43</v>
      </c>
      <c r="B133" s="30" t="s">
        <v>108</v>
      </c>
      <c r="C133" s="31"/>
      <c r="D133" s="31"/>
      <c r="E133" s="32"/>
      <c r="F133" s="250" t="s">
        <v>15</v>
      </c>
      <c r="G133" s="225"/>
      <c r="H133" s="225"/>
      <c r="I133" s="225"/>
      <c r="J133" s="225"/>
      <c r="K133" s="226"/>
    </row>
    <row r="134" spans="1:11" ht="24.75" customHeight="1" x14ac:dyDescent="0.15">
      <c r="A134" s="3"/>
      <c r="B134" s="7"/>
      <c r="C134" s="8"/>
      <c r="D134" s="8"/>
      <c r="E134" s="9"/>
      <c r="F134" s="256" t="s">
        <v>16</v>
      </c>
      <c r="G134" s="215"/>
      <c r="H134" s="215"/>
      <c r="I134" s="215"/>
      <c r="J134" s="215"/>
      <c r="K134" s="257"/>
    </row>
    <row r="135" spans="1:11" ht="24.75" customHeight="1" thickBot="1" x14ac:dyDescent="0.2">
      <c r="B135" s="33"/>
      <c r="C135" s="34"/>
      <c r="D135" s="34"/>
      <c r="E135" s="35"/>
      <c r="F135" s="258" t="s">
        <v>17</v>
      </c>
      <c r="G135" s="259"/>
      <c r="H135" s="259"/>
      <c r="I135" s="259"/>
      <c r="J135" s="259"/>
      <c r="K135" s="260"/>
    </row>
    <row r="136" spans="1:11" ht="24.75" customHeight="1" x14ac:dyDescent="0.15">
      <c r="A136" s="3" t="s">
        <v>43</v>
      </c>
      <c r="B136" s="30" t="s">
        <v>2</v>
      </c>
      <c r="C136" s="31"/>
      <c r="D136" s="31"/>
      <c r="E136" s="32"/>
      <c r="F136" s="250" t="s">
        <v>15</v>
      </c>
      <c r="G136" s="225"/>
      <c r="H136" s="225"/>
      <c r="I136" s="225"/>
      <c r="J136" s="225"/>
      <c r="K136" s="226"/>
    </row>
    <row r="137" spans="1:11" ht="24.75" customHeight="1" x14ac:dyDescent="0.15">
      <c r="B137" s="7"/>
      <c r="C137" s="8"/>
      <c r="D137" s="8"/>
      <c r="E137" s="9"/>
      <c r="F137" s="256" t="s">
        <v>16</v>
      </c>
      <c r="G137" s="215"/>
      <c r="H137" s="215"/>
      <c r="I137" s="215"/>
      <c r="J137" s="215"/>
      <c r="K137" s="257"/>
    </row>
    <row r="138" spans="1:11" ht="24.75" customHeight="1" thickBot="1" x14ac:dyDescent="0.2">
      <c r="B138" s="33"/>
      <c r="C138" s="34"/>
      <c r="D138" s="34"/>
      <c r="E138" s="35"/>
      <c r="F138" s="258" t="s">
        <v>17</v>
      </c>
      <c r="G138" s="259"/>
      <c r="H138" s="259"/>
      <c r="I138" s="259"/>
      <c r="J138" s="259"/>
      <c r="K138" s="260"/>
    </row>
    <row r="139" spans="1:11" s="62" customFormat="1" ht="24.75" customHeight="1" x14ac:dyDescent="0.15">
      <c r="A139" s="3" t="s">
        <v>43</v>
      </c>
      <c r="B139" s="30" t="s">
        <v>107</v>
      </c>
      <c r="C139" s="31"/>
      <c r="D139" s="31"/>
      <c r="E139" s="32"/>
      <c r="F139" s="250" t="s">
        <v>15</v>
      </c>
      <c r="G139" s="225"/>
      <c r="H139" s="225"/>
      <c r="I139" s="225"/>
      <c r="J139" s="225"/>
      <c r="K139" s="226"/>
    </row>
    <row r="140" spans="1:11" s="62" customFormat="1" ht="24.75" customHeight="1" x14ac:dyDescent="0.15">
      <c r="B140" s="7"/>
      <c r="C140" s="8"/>
      <c r="D140" s="8"/>
      <c r="E140" s="9"/>
      <c r="F140" s="256" t="s">
        <v>16</v>
      </c>
      <c r="G140" s="215"/>
      <c r="H140" s="215"/>
      <c r="I140" s="215"/>
      <c r="J140" s="215"/>
      <c r="K140" s="257"/>
    </row>
    <row r="141" spans="1:11" s="62" customFormat="1" ht="24.75" customHeight="1" thickBot="1" x14ac:dyDescent="0.2">
      <c r="B141" s="33"/>
      <c r="C141" s="34"/>
      <c r="D141" s="34"/>
      <c r="E141" s="35"/>
      <c r="F141" s="258" t="s">
        <v>17</v>
      </c>
      <c r="G141" s="259"/>
      <c r="H141" s="259"/>
      <c r="I141" s="259"/>
      <c r="J141" s="259"/>
      <c r="K141" s="260"/>
    </row>
    <row r="142" spans="1:11" ht="24.75" customHeight="1" x14ac:dyDescent="0.15">
      <c r="A142" s="3" t="s">
        <v>43</v>
      </c>
      <c r="B142" s="30" t="s">
        <v>3</v>
      </c>
      <c r="C142" s="31"/>
      <c r="D142" s="31"/>
      <c r="E142" s="32"/>
      <c r="F142" s="250" t="s">
        <v>18</v>
      </c>
      <c r="G142" s="225"/>
      <c r="H142" s="225"/>
      <c r="I142" s="225"/>
      <c r="J142" s="225"/>
      <c r="K142" s="226"/>
    </row>
    <row r="143" spans="1:11" ht="24.75" customHeight="1" x14ac:dyDescent="0.15">
      <c r="B143" s="7"/>
      <c r="C143" s="8"/>
      <c r="D143" s="8"/>
      <c r="E143" s="9"/>
      <c r="F143" s="256" t="s">
        <v>111</v>
      </c>
      <c r="G143" s="215"/>
      <c r="H143" s="215"/>
      <c r="I143" s="215"/>
      <c r="J143" s="215"/>
      <c r="K143" s="257"/>
    </row>
    <row r="144" spans="1:11" ht="24.75" customHeight="1" x14ac:dyDescent="0.15">
      <c r="B144" s="39"/>
      <c r="C144" s="40"/>
      <c r="D144" s="40"/>
      <c r="E144" s="41"/>
      <c r="F144" s="93" t="s">
        <v>36</v>
      </c>
      <c r="G144" s="8" t="s">
        <v>109</v>
      </c>
      <c r="H144" s="275" t="s">
        <v>188</v>
      </c>
      <c r="I144" s="215"/>
      <c r="J144" s="215"/>
      <c r="K144" s="257"/>
    </row>
    <row r="145" spans="1:11" ht="24.75" customHeight="1" thickBot="1" x14ac:dyDescent="0.2">
      <c r="B145" s="33"/>
      <c r="C145" s="34"/>
      <c r="D145" s="34"/>
      <c r="E145" s="35"/>
      <c r="F145" s="93" t="s">
        <v>36</v>
      </c>
      <c r="G145" s="37" t="s">
        <v>110</v>
      </c>
      <c r="H145" s="276" t="s">
        <v>189</v>
      </c>
      <c r="I145" s="259"/>
      <c r="J145" s="259"/>
      <c r="K145" s="260"/>
    </row>
    <row r="146" spans="1:11" ht="25.5" customHeight="1" x14ac:dyDescent="0.15">
      <c r="A146" s="3" t="s">
        <v>43</v>
      </c>
      <c r="B146" s="30" t="s">
        <v>4</v>
      </c>
      <c r="C146" s="31"/>
      <c r="D146" s="31"/>
      <c r="E146" s="32"/>
      <c r="F146" s="30" t="s">
        <v>218</v>
      </c>
      <c r="G146" s="31" t="s">
        <v>274</v>
      </c>
      <c r="H146" s="31"/>
      <c r="I146" s="31"/>
      <c r="J146" s="31"/>
      <c r="K146" s="32"/>
    </row>
    <row r="147" spans="1:11" ht="25.5" customHeight="1" x14ac:dyDescent="0.15">
      <c r="B147" s="7"/>
      <c r="C147" s="8"/>
      <c r="D147" s="8"/>
      <c r="E147" s="9"/>
      <c r="F147" s="7" t="s">
        <v>115</v>
      </c>
      <c r="G147" s="262" t="s">
        <v>281</v>
      </c>
      <c r="H147" s="263"/>
      <c r="I147" s="8" t="s">
        <v>270</v>
      </c>
      <c r="J147" s="8"/>
      <c r="K147" s="9"/>
    </row>
    <row r="148" spans="1:11" ht="25.5" customHeight="1" x14ac:dyDescent="0.15">
      <c r="A148" s="16"/>
      <c r="B148" s="3" t="s">
        <v>36</v>
      </c>
      <c r="C148" s="8" t="s">
        <v>282</v>
      </c>
      <c r="D148" s="8"/>
      <c r="E148" s="9"/>
      <c r="F148" s="264" t="s">
        <v>114</v>
      </c>
      <c r="G148" s="265"/>
      <c r="H148" s="265"/>
      <c r="I148" s="265"/>
      <c r="J148" s="265"/>
      <c r="K148" s="266"/>
    </row>
    <row r="149" spans="1:11" ht="25.5" customHeight="1" x14ac:dyDescent="0.15">
      <c r="A149" s="16"/>
      <c r="B149" s="3" t="s">
        <v>36</v>
      </c>
      <c r="C149" s="8" t="s">
        <v>103</v>
      </c>
      <c r="D149" s="8"/>
      <c r="E149" s="9"/>
      <c r="F149" s="267"/>
      <c r="G149" s="265"/>
      <c r="H149" s="265"/>
      <c r="I149" s="265"/>
      <c r="J149" s="265"/>
      <c r="K149" s="266"/>
    </row>
    <row r="150" spans="1:11" ht="25.5" customHeight="1" x14ac:dyDescent="0.15">
      <c r="A150" s="16"/>
      <c r="B150" s="3" t="s">
        <v>36</v>
      </c>
      <c r="C150" s="8" t="s">
        <v>283</v>
      </c>
      <c r="D150" s="8"/>
      <c r="E150" s="9"/>
      <c r="F150" s="267"/>
      <c r="G150" s="265"/>
      <c r="H150" s="265"/>
      <c r="I150" s="265"/>
      <c r="J150" s="265"/>
      <c r="K150" s="266"/>
    </row>
    <row r="151" spans="1:11" ht="25.5" customHeight="1" thickBot="1" x14ac:dyDescent="0.2">
      <c r="B151" s="33"/>
      <c r="C151" s="34"/>
      <c r="D151" s="34"/>
      <c r="E151" s="35"/>
      <c r="F151" s="268" t="s">
        <v>289</v>
      </c>
      <c r="G151" s="259"/>
      <c r="H151" s="259"/>
      <c r="I151" s="259"/>
      <c r="J151" s="259"/>
      <c r="K151" s="260"/>
    </row>
    <row r="152" spans="1:11" ht="24.75" customHeight="1" x14ac:dyDescent="0.15">
      <c r="A152" s="3" t="s">
        <v>43</v>
      </c>
      <c r="B152" s="30" t="s">
        <v>5</v>
      </c>
      <c r="C152" s="31"/>
      <c r="D152" s="31"/>
      <c r="E152" s="32"/>
      <c r="F152" s="30" t="s">
        <v>117</v>
      </c>
      <c r="G152" s="12"/>
      <c r="H152" s="12"/>
      <c r="I152" s="8"/>
      <c r="J152" s="12"/>
      <c r="K152" s="13"/>
    </row>
    <row r="153" spans="1:11" s="62" customFormat="1" ht="24.75" customHeight="1" x14ac:dyDescent="0.15">
      <c r="A153" s="3"/>
      <c r="B153" s="7"/>
      <c r="C153" s="8"/>
      <c r="D153" s="8"/>
      <c r="E153" s="9"/>
      <c r="F153" s="7" t="s">
        <v>113</v>
      </c>
      <c r="G153" s="15"/>
      <c r="H153" s="15"/>
      <c r="I153" s="15"/>
      <c r="J153" s="15"/>
      <c r="K153" s="16"/>
    </row>
    <row r="154" spans="1:11" ht="24.75" customHeight="1" thickBot="1" x14ac:dyDescent="0.2">
      <c r="B154" s="7" t="s">
        <v>118</v>
      </c>
      <c r="C154" s="170" t="s">
        <v>269</v>
      </c>
      <c r="D154" s="8" t="s">
        <v>125</v>
      </c>
      <c r="E154" s="16"/>
      <c r="F154" s="4"/>
      <c r="G154" s="15"/>
      <c r="H154" s="15"/>
      <c r="I154" s="15"/>
      <c r="J154" s="15"/>
      <c r="K154" s="16"/>
    </row>
    <row r="155" spans="1:11" ht="24.75" customHeight="1" x14ac:dyDescent="0.15">
      <c r="A155" s="3" t="s">
        <v>43</v>
      </c>
      <c r="B155" s="30" t="s">
        <v>6</v>
      </c>
      <c r="C155" s="31"/>
      <c r="D155" s="31"/>
      <c r="E155" s="32"/>
      <c r="F155" s="30" t="s">
        <v>14</v>
      </c>
      <c r="G155" s="31"/>
      <c r="H155" s="31"/>
      <c r="I155" s="31"/>
      <c r="J155" s="31"/>
      <c r="K155" s="32"/>
    </row>
    <row r="156" spans="1:11" ht="24.75" customHeight="1" x14ac:dyDescent="0.15">
      <c r="B156" s="94" t="s">
        <v>36</v>
      </c>
      <c r="C156" s="8" t="s">
        <v>120</v>
      </c>
      <c r="D156" s="75" t="s">
        <v>36</v>
      </c>
      <c r="E156" s="9" t="s">
        <v>119</v>
      </c>
      <c r="F156" s="269" t="s">
        <v>19</v>
      </c>
      <c r="G156" s="245"/>
      <c r="H156" s="245"/>
      <c r="I156" s="245"/>
      <c r="J156" s="245"/>
      <c r="K156" s="246"/>
    </row>
    <row r="157" spans="1:11" ht="24.75" customHeight="1" x14ac:dyDescent="0.15">
      <c r="B157" s="94" t="s">
        <v>36</v>
      </c>
      <c r="C157" s="8" t="s">
        <v>122</v>
      </c>
      <c r="D157" s="75" t="s">
        <v>36</v>
      </c>
      <c r="E157" s="9" t="s">
        <v>121</v>
      </c>
      <c r="F157" s="254"/>
      <c r="G157" s="245"/>
      <c r="H157" s="245"/>
      <c r="I157" s="245"/>
      <c r="J157" s="245"/>
      <c r="K157" s="246"/>
    </row>
    <row r="158" spans="1:11" ht="24.75" customHeight="1" x14ac:dyDescent="0.15">
      <c r="B158" s="94" t="s">
        <v>36</v>
      </c>
      <c r="C158" s="42" t="s">
        <v>256</v>
      </c>
      <c r="D158" s="161" t="s">
        <v>255</v>
      </c>
      <c r="E158" s="43" t="s">
        <v>130</v>
      </c>
      <c r="F158" s="254"/>
      <c r="G158" s="245"/>
      <c r="H158" s="245"/>
      <c r="I158" s="245"/>
      <c r="J158" s="245"/>
      <c r="K158" s="246"/>
    </row>
    <row r="159" spans="1:11" ht="24.75" customHeight="1" x14ac:dyDescent="0.15">
      <c r="B159" s="94" t="s">
        <v>36</v>
      </c>
      <c r="C159" s="8" t="s">
        <v>123</v>
      </c>
      <c r="D159" s="162" t="s">
        <v>284</v>
      </c>
      <c r="E159" s="9" t="s">
        <v>126</v>
      </c>
      <c r="F159" s="254"/>
      <c r="G159" s="245"/>
      <c r="H159" s="245"/>
      <c r="I159" s="245"/>
      <c r="J159" s="245"/>
      <c r="K159" s="246"/>
    </row>
    <row r="160" spans="1:11" ht="24.75" customHeight="1" thickBot="1" x14ac:dyDescent="0.2">
      <c r="B160" s="94" t="s">
        <v>36</v>
      </c>
      <c r="C160" s="37" t="s">
        <v>124</v>
      </c>
      <c r="D160" s="37"/>
      <c r="E160" s="38"/>
      <c r="F160" s="270"/>
      <c r="G160" s="248"/>
      <c r="H160" s="248"/>
      <c r="I160" s="248"/>
      <c r="J160" s="248"/>
      <c r="K160" s="249"/>
    </row>
    <row r="161" spans="1:13" ht="24.75" customHeight="1" x14ac:dyDescent="0.15">
      <c r="A161" s="3" t="s">
        <v>43</v>
      </c>
      <c r="B161" s="30" t="s">
        <v>7</v>
      </c>
      <c r="C161" s="103"/>
      <c r="D161" s="31"/>
      <c r="E161" s="32"/>
      <c r="F161" s="30" t="s">
        <v>8</v>
      </c>
      <c r="G161" s="31"/>
      <c r="H161" s="31"/>
      <c r="I161" s="31"/>
      <c r="J161" s="31"/>
      <c r="K161" s="32"/>
    </row>
    <row r="162" spans="1:13" ht="24.75" customHeight="1" x14ac:dyDescent="0.15">
      <c r="B162" s="94" t="s">
        <v>36</v>
      </c>
      <c r="C162" s="15" t="s">
        <v>190</v>
      </c>
      <c r="D162" s="15"/>
      <c r="E162" s="16"/>
      <c r="F162" s="7" t="s">
        <v>128</v>
      </c>
      <c r="G162" s="162" t="s">
        <v>258</v>
      </c>
      <c r="H162" s="95" t="s">
        <v>127</v>
      </c>
      <c r="I162" s="8" t="s">
        <v>71</v>
      </c>
      <c r="J162" s="162" t="s">
        <v>285</v>
      </c>
      <c r="K162" s="9" t="s">
        <v>129</v>
      </c>
    </row>
    <row r="163" spans="1:13" ht="24.75" customHeight="1" x14ac:dyDescent="0.15">
      <c r="B163" s="94" t="s">
        <v>36</v>
      </c>
      <c r="C163" s="15" t="s">
        <v>191</v>
      </c>
      <c r="D163" s="15"/>
      <c r="E163" s="16"/>
      <c r="F163" s="271" t="s">
        <v>257</v>
      </c>
      <c r="G163" s="265"/>
      <c r="H163" s="265"/>
      <c r="I163" s="265"/>
      <c r="J163" s="265"/>
      <c r="K163" s="266"/>
    </row>
    <row r="164" spans="1:13" ht="24.75" customHeight="1" x14ac:dyDescent="0.15">
      <c r="B164" s="94" t="s">
        <v>36</v>
      </c>
      <c r="C164" s="15" t="s">
        <v>192</v>
      </c>
      <c r="D164" s="15"/>
      <c r="E164" s="16"/>
      <c r="F164" s="267"/>
      <c r="G164" s="265"/>
      <c r="H164" s="265"/>
      <c r="I164" s="265"/>
      <c r="J164" s="265"/>
      <c r="K164" s="266"/>
    </row>
    <row r="165" spans="1:13" ht="26.45" customHeight="1" x14ac:dyDescent="0.15">
      <c r="B165" s="94" t="s">
        <v>36</v>
      </c>
      <c r="C165" s="15" t="s">
        <v>193</v>
      </c>
      <c r="D165" s="15"/>
      <c r="E165" s="16"/>
      <c r="F165" s="267"/>
      <c r="G165" s="265"/>
      <c r="H165" s="265"/>
      <c r="I165" s="265"/>
      <c r="J165" s="265"/>
      <c r="K165" s="266"/>
    </row>
    <row r="166" spans="1:13" ht="26.45" customHeight="1" thickBot="1" x14ac:dyDescent="0.2">
      <c r="B166" s="104" t="s">
        <v>36</v>
      </c>
      <c r="C166" s="8" t="s">
        <v>194</v>
      </c>
      <c r="D166" s="8"/>
      <c r="E166" s="9"/>
      <c r="F166" s="272"/>
      <c r="G166" s="273"/>
      <c r="H166" s="273"/>
      <c r="I166" s="273"/>
      <c r="J166" s="273"/>
      <c r="K166" s="274"/>
    </row>
    <row r="167" spans="1:13" ht="26.45" customHeight="1" x14ac:dyDescent="0.15">
      <c r="A167" s="3" t="s">
        <v>43</v>
      </c>
      <c r="B167" s="30" t="s">
        <v>9</v>
      </c>
      <c r="C167" s="31"/>
      <c r="D167" s="31"/>
      <c r="E167" s="32"/>
      <c r="F167" s="277" t="s">
        <v>198</v>
      </c>
      <c r="G167" s="225"/>
      <c r="H167" s="225"/>
      <c r="I167" s="225"/>
      <c r="J167" s="225"/>
      <c r="K167" s="226"/>
    </row>
    <row r="168" spans="1:13" ht="26.45" customHeight="1" x14ac:dyDescent="0.15">
      <c r="A168" s="3"/>
      <c r="B168" s="94" t="s">
        <v>36</v>
      </c>
      <c r="C168" s="15" t="s">
        <v>195</v>
      </c>
      <c r="D168" s="15"/>
      <c r="E168" s="16"/>
      <c r="F168" s="278" t="s">
        <v>199</v>
      </c>
      <c r="G168" s="279"/>
      <c r="H168" s="279"/>
      <c r="I168" s="279"/>
      <c r="J168" s="279"/>
      <c r="K168" s="280"/>
    </row>
    <row r="169" spans="1:13" ht="24.75" customHeight="1" x14ac:dyDescent="0.15">
      <c r="B169" s="94" t="s">
        <v>36</v>
      </c>
      <c r="C169" s="8" t="s">
        <v>196</v>
      </c>
      <c r="D169" s="8"/>
      <c r="E169" s="9"/>
      <c r="F169" s="256" t="s">
        <v>200</v>
      </c>
      <c r="G169" s="215"/>
      <c r="H169" s="215"/>
      <c r="I169" s="215"/>
      <c r="J169" s="215"/>
      <c r="K169" s="257"/>
    </row>
    <row r="170" spans="1:13" ht="26.45" customHeight="1" thickBot="1" x14ac:dyDescent="0.2">
      <c r="B170" s="94" t="s">
        <v>36</v>
      </c>
      <c r="C170" s="8" t="s">
        <v>197</v>
      </c>
      <c r="D170" s="8"/>
      <c r="E170" s="9"/>
      <c r="F170" s="258" t="s">
        <v>201</v>
      </c>
      <c r="G170" s="259"/>
      <c r="H170" s="259"/>
      <c r="I170" s="259"/>
      <c r="J170" s="259"/>
      <c r="K170" s="260"/>
    </row>
    <row r="171" spans="1:13" ht="26.45" customHeight="1" x14ac:dyDescent="0.15">
      <c r="A171" s="3" t="s">
        <v>43</v>
      </c>
      <c r="B171" s="30" t="s">
        <v>11</v>
      </c>
      <c r="C171" s="31"/>
      <c r="D171" s="31"/>
      <c r="E171" s="32"/>
      <c r="F171" s="30" t="s">
        <v>13</v>
      </c>
      <c r="G171" s="31"/>
      <c r="H171" s="31"/>
      <c r="I171" s="31"/>
      <c r="J171" s="31"/>
      <c r="K171" s="32"/>
    </row>
    <row r="172" spans="1:13" ht="26.45" customHeight="1" x14ac:dyDescent="0.15">
      <c r="B172" s="7" t="s">
        <v>20</v>
      </c>
      <c r="C172" s="275"/>
      <c r="D172" s="215"/>
      <c r="E172" s="257"/>
      <c r="F172" s="281" t="s">
        <v>268</v>
      </c>
      <c r="G172" s="282"/>
      <c r="H172" s="275"/>
      <c r="I172" s="215"/>
      <c r="J172" s="215"/>
      <c r="K172" s="257"/>
    </row>
    <row r="173" spans="1:13" ht="26.45" customHeight="1" x14ac:dyDescent="0.15">
      <c r="B173" s="256" t="s">
        <v>272</v>
      </c>
      <c r="C173" s="215"/>
      <c r="D173" s="215"/>
      <c r="E173" s="257"/>
      <c r="F173" s="7" t="s">
        <v>202</v>
      </c>
      <c r="G173" s="75" t="s">
        <v>36</v>
      </c>
      <c r="H173" s="8" t="s">
        <v>203</v>
      </c>
      <c r="I173" s="8"/>
      <c r="J173" s="8"/>
      <c r="K173" s="9"/>
      <c r="M173" s="3"/>
    </row>
    <row r="174" spans="1:13" ht="26.45" customHeight="1" x14ac:dyDescent="0.15">
      <c r="B174" s="256" t="s">
        <v>271</v>
      </c>
      <c r="C174" s="215"/>
      <c r="D174" s="215"/>
      <c r="E174" s="257"/>
      <c r="F174" s="7"/>
      <c r="G174" s="75" t="s">
        <v>36</v>
      </c>
      <c r="H174" s="8" t="s">
        <v>204</v>
      </c>
      <c r="I174" s="8"/>
      <c r="J174" s="8"/>
      <c r="K174" s="9"/>
    </row>
    <row r="175" spans="1:13" s="62" customFormat="1" ht="26.45" customHeight="1" x14ac:dyDescent="0.15">
      <c r="B175" s="256" t="s">
        <v>273</v>
      </c>
      <c r="C175" s="215"/>
      <c r="D175" s="215"/>
      <c r="E175" s="257"/>
      <c r="F175" s="7"/>
      <c r="G175" s="75" t="s">
        <v>36</v>
      </c>
      <c r="H175" s="8" t="s">
        <v>205</v>
      </c>
      <c r="I175" s="8"/>
      <c r="J175" s="8"/>
      <c r="K175" s="9"/>
    </row>
    <row r="176" spans="1:13" ht="26.45" customHeight="1" thickBot="1" x14ac:dyDescent="0.2">
      <c r="B176" s="36"/>
      <c r="C176" s="44"/>
      <c r="D176" s="44"/>
      <c r="E176" s="45"/>
      <c r="F176" s="96" t="s">
        <v>131</v>
      </c>
      <c r="G176" s="8"/>
      <c r="H176" s="8"/>
      <c r="I176" s="8"/>
      <c r="J176" s="163" t="s">
        <v>132</v>
      </c>
      <c r="K176" s="97" t="s">
        <v>133</v>
      </c>
    </row>
    <row r="177" spans="1:13" ht="26.45" customHeight="1" x14ac:dyDescent="0.15">
      <c r="A177" s="3" t="s">
        <v>43</v>
      </c>
      <c r="B177" s="30" t="s">
        <v>12</v>
      </c>
      <c r="C177" s="31"/>
      <c r="D177" s="31"/>
      <c r="E177" s="32"/>
      <c r="F177" s="158" t="s">
        <v>266</v>
      </c>
      <c r="G177" s="166" t="s">
        <v>255</v>
      </c>
      <c r="H177" s="159"/>
      <c r="I177" s="167" t="s">
        <v>267</v>
      </c>
      <c r="J177" s="166"/>
      <c r="K177" s="168" t="s">
        <v>286</v>
      </c>
      <c r="M177" s="156"/>
    </row>
    <row r="178" spans="1:13" ht="26.45" customHeight="1" x14ac:dyDescent="0.15">
      <c r="B178" s="7"/>
      <c r="C178" s="8"/>
      <c r="D178" s="8"/>
      <c r="E178" s="9"/>
      <c r="F178" s="155" t="s">
        <v>264</v>
      </c>
      <c r="G178" s="165" t="s">
        <v>255</v>
      </c>
      <c r="H178" s="8" t="s">
        <v>207</v>
      </c>
      <c r="I178" s="8"/>
      <c r="J178" s="8"/>
      <c r="K178" s="9"/>
    </row>
    <row r="179" spans="1:13" ht="26.45" customHeight="1" x14ac:dyDescent="0.15">
      <c r="B179" s="94" t="s">
        <v>36</v>
      </c>
      <c r="C179" s="8" t="s">
        <v>208</v>
      </c>
      <c r="D179" s="8"/>
      <c r="E179" s="9"/>
      <c r="F179" s="155" t="s">
        <v>259</v>
      </c>
      <c r="G179" s="165" t="s">
        <v>265</v>
      </c>
      <c r="H179" s="8" t="s">
        <v>260</v>
      </c>
      <c r="I179" s="8"/>
      <c r="J179" s="8"/>
      <c r="K179" s="9"/>
    </row>
    <row r="180" spans="1:13" ht="26.45" customHeight="1" x14ac:dyDescent="0.15">
      <c r="B180" s="94" t="s">
        <v>36</v>
      </c>
      <c r="C180" s="8" t="s">
        <v>209</v>
      </c>
      <c r="D180" s="8"/>
      <c r="E180" s="9"/>
      <c r="F180" s="7" t="s">
        <v>21</v>
      </c>
      <c r="G180" s="163" t="s">
        <v>290</v>
      </c>
      <c r="H180" s="8"/>
      <c r="I180" s="8"/>
      <c r="J180" s="8"/>
      <c r="K180" s="9"/>
    </row>
    <row r="181" spans="1:13" ht="26.45" customHeight="1" thickBot="1" x14ac:dyDescent="0.2">
      <c r="B181" s="104" t="s">
        <v>36</v>
      </c>
      <c r="C181" s="37" t="s">
        <v>210</v>
      </c>
      <c r="D181" s="37"/>
      <c r="E181" s="38"/>
      <c r="F181" s="36" t="s">
        <v>262</v>
      </c>
      <c r="G181" s="164" t="s">
        <v>255</v>
      </c>
      <c r="H181" s="157" t="s">
        <v>263</v>
      </c>
      <c r="I181" s="37"/>
      <c r="J181" s="164" t="s">
        <v>265</v>
      </c>
      <c r="K181" s="38" t="s">
        <v>261</v>
      </c>
    </row>
    <row r="182" spans="1:13" ht="26.45" customHeight="1" x14ac:dyDescent="0.15">
      <c r="A182" s="3" t="s">
        <v>43</v>
      </c>
      <c r="B182" s="116" t="s">
        <v>211</v>
      </c>
      <c r="C182" s="154"/>
      <c r="D182" s="154"/>
      <c r="E182" s="32"/>
      <c r="F182" s="250" t="s">
        <v>198</v>
      </c>
      <c r="G182" s="225"/>
      <c r="H182" s="225"/>
      <c r="I182" s="225"/>
      <c r="J182" s="225"/>
      <c r="K182" s="226"/>
    </row>
    <row r="183" spans="1:13" s="70" customFormat="1" ht="26.45" customHeight="1" thickBot="1" x14ac:dyDescent="0.2">
      <c r="A183" s="3"/>
      <c r="B183" s="104"/>
      <c r="C183" s="153"/>
      <c r="D183" s="153"/>
      <c r="E183" s="38"/>
      <c r="F183" s="42" t="s">
        <v>206</v>
      </c>
      <c r="G183" s="276" t="s">
        <v>212</v>
      </c>
      <c r="H183" s="259"/>
      <c r="I183" s="8" t="s">
        <v>134</v>
      </c>
      <c r="J183" s="8"/>
      <c r="K183" s="9"/>
    </row>
    <row r="184" spans="1:13" ht="26.45" customHeight="1" x14ac:dyDescent="0.15">
      <c r="A184" s="3" t="s">
        <v>43</v>
      </c>
      <c r="B184" s="30" t="s">
        <v>23</v>
      </c>
      <c r="C184" s="12"/>
      <c r="D184" s="12"/>
      <c r="E184" s="13"/>
      <c r="F184" s="46" t="s">
        <v>32</v>
      </c>
      <c r="G184" s="31"/>
      <c r="H184" s="31"/>
      <c r="I184" s="31"/>
      <c r="J184" s="31"/>
      <c r="K184" s="32" t="s">
        <v>29</v>
      </c>
    </row>
    <row r="185" spans="1:13" ht="26.45" customHeight="1" x14ac:dyDescent="0.15">
      <c r="B185" s="4"/>
      <c r="C185" s="8" t="s">
        <v>112</v>
      </c>
      <c r="D185" s="5"/>
      <c r="E185" s="6"/>
      <c r="F185" s="7" t="s">
        <v>206</v>
      </c>
      <c r="G185" s="275" t="s">
        <v>212</v>
      </c>
      <c r="H185" s="285"/>
      <c r="I185" s="8" t="s">
        <v>134</v>
      </c>
      <c r="J185" s="8"/>
      <c r="K185" s="9"/>
    </row>
    <row r="186" spans="1:13" ht="26.45" customHeight="1" thickBot="1" x14ac:dyDescent="0.2">
      <c r="B186" s="48"/>
      <c r="C186" s="49"/>
      <c r="D186" s="49"/>
      <c r="E186" s="50"/>
      <c r="F186" s="51" t="s">
        <v>26</v>
      </c>
      <c r="G186" s="37" t="s">
        <v>33</v>
      </c>
      <c r="H186" s="37" t="s">
        <v>28</v>
      </c>
      <c r="I186" s="37" t="s">
        <v>30</v>
      </c>
      <c r="J186" s="37" t="s">
        <v>31</v>
      </c>
      <c r="K186" s="38" t="s">
        <v>29</v>
      </c>
    </row>
    <row r="187" spans="1:13" ht="26.45" customHeight="1" x14ac:dyDescent="0.15">
      <c r="A187" s="3" t="s">
        <v>43</v>
      </c>
      <c r="B187" s="30" t="s">
        <v>22</v>
      </c>
      <c r="C187" s="12"/>
      <c r="D187" s="12"/>
      <c r="E187" s="13"/>
      <c r="F187" s="250" t="s">
        <v>135</v>
      </c>
      <c r="G187" s="225"/>
      <c r="H187" s="225"/>
      <c r="I187" s="225"/>
      <c r="J187" s="225"/>
      <c r="K187" s="226"/>
    </row>
    <row r="188" spans="1:13" ht="26.45" customHeight="1" x14ac:dyDescent="0.15">
      <c r="B188" s="4"/>
      <c r="C188" s="8" t="s">
        <v>112</v>
      </c>
      <c r="D188" s="5"/>
      <c r="E188" s="6"/>
      <c r="F188" s="7" t="s">
        <v>206</v>
      </c>
      <c r="G188" s="275" t="s">
        <v>212</v>
      </c>
      <c r="H188" s="285"/>
      <c r="I188" s="8" t="s">
        <v>134</v>
      </c>
      <c r="J188" s="8"/>
      <c r="K188" s="9"/>
    </row>
    <row r="189" spans="1:13" ht="26.45" customHeight="1" thickBot="1" x14ac:dyDescent="0.2">
      <c r="B189" s="48"/>
      <c r="C189" s="49"/>
      <c r="D189" s="49"/>
      <c r="E189" s="50"/>
      <c r="F189" s="51" t="s">
        <v>26</v>
      </c>
      <c r="G189" s="37" t="s">
        <v>33</v>
      </c>
      <c r="H189" s="37" t="s">
        <v>28</v>
      </c>
      <c r="I189" s="37" t="s">
        <v>30</v>
      </c>
      <c r="J189" s="37" t="s">
        <v>31</v>
      </c>
      <c r="K189" s="38" t="s">
        <v>29</v>
      </c>
    </row>
    <row r="190" spans="1:13" ht="26.45" customHeight="1" x14ac:dyDescent="0.15">
      <c r="A190" s="3" t="s">
        <v>43</v>
      </c>
      <c r="B190" s="52" t="s">
        <v>24</v>
      </c>
      <c r="C190" s="53"/>
      <c r="D190" s="53"/>
      <c r="E190" s="54"/>
      <c r="F190" s="52" t="s">
        <v>25</v>
      </c>
      <c r="G190" s="31"/>
      <c r="H190" s="31"/>
      <c r="I190" s="31"/>
      <c r="J190" s="31"/>
      <c r="K190" s="32"/>
    </row>
    <row r="191" spans="1:13" ht="26.45" customHeight="1" x14ac:dyDescent="0.15">
      <c r="B191" s="4"/>
      <c r="C191" s="8" t="s">
        <v>112</v>
      </c>
      <c r="D191" s="5"/>
      <c r="E191" s="6"/>
      <c r="F191" s="4" t="s">
        <v>26</v>
      </c>
      <c r="G191" s="8" t="s">
        <v>27</v>
      </c>
      <c r="H191" s="8" t="s">
        <v>28</v>
      </c>
      <c r="I191" s="8" t="s">
        <v>30</v>
      </c>
      <c r="J191" s="8" t="s">
        <v>31</v>
      </c>
      <c r="K191" s="9" t="s">
        <v>29</v>
      </c>
    </row>
    <row r="192" spans="1:13" ht="26.45" customHeight="1" thickBot="1" x14ac:dyDescent="0.2">
      <c r="B192" s="48"/>
      <c r="C192" s="49"/>
      <c r="D192" s="49"/>
      <c r="E192" s="50"/>
      <c r="F192" s="48"/>
      <c r="G192" s="37"/>
      <c r="H192" s="37"/>
      <c r="I192" s="37"/>
      <c r="J192" s="37"/>
      <c r="K192" s="38"/>
    </row>
    <row r="193" spans="1:11" ht="26.45" customHeight="1" x14ac:dyDescent="0.15">
      <c r="A193" s="98" t="s">
        <v>136</v>
      </c>
      <c r="B193" s="47"/>
      <c r="C193" s="5"/>
      <c r="D193" s="5"/>
      <c r="E193" s="5"/>
      <c r="F193" s="47"/>
      <c r="G193" s="8"/>
      <c r="H193" s="8"/>
      <c r="I193" s="8"/>
      <c r="J193" s="8"/>
      <c r="K193" s="8"/>
    </row>
    <row r="194" spans="1:11" s="62" customFormat="1" ht="26.45" customHeight="1" x14ac:dyDescent="0.15">
      <c r="A194" s="98" t="s">
        <v>137</v>
      </c>
      <c r="B194" s="47"/>
      <c r="C194" s="5"/>
      <c r="D194" s="5"/>
      <c r="E194" s="5"/>
      <c r="F194" s="47"/>
      <c r="G194" s="8"/>
      <c r="H194" s="8"/>
      <c r="I194" s="8"/>
      <c r="J194" s="8"/>
      <c r="K194" s="8"/>
    </row>
    <row r="195" spans="1:11" s="62" customFormat="1" ht="21.75" customHeight="1" x14ac:dyDescent="0.15">
      <c r="B195" s="47"/>
      <c r="C195" s="5"/>
      <c r="D195" s="5"/>
      <c r="E195" s="5"/>
      <c r="F195" s="47"/>
      <c r="G195" s="8"/>
      <c r="H195" s="8"/>
      <c r="I195" s="8"/>
      <c r="J195" s="8"/>
      <c r="K195" s="8"/>
    </row>
    <row r="196" spans="1:11" s="62" customFormat="1" ht="21.75" customHeight="1" x14ac:dyDescent="0.15">
      <c r="A196" s="55"/>
      <c r="B196" s="47"/>
      <c r="C196" s="5"/>
      <c r="D196" s="5"/>
      <c r="E196" s="5"/>
      <c r="F196" s="47"/>
      <c r="G196" s="8"/>
      <c r="H196" s="8"/>
      <c r="I196" s="8"/>
      <c r="J196" s="8"/>
      <c r="K196" s="8"/>
    </row>
    <row r="197" spans="1:11" s="62" customFormat="1" ht="21.75" customHeight="1" x14ac:dyDescent="0.15">
      <c r="A197" s="55"/>
      <c r="B197" s="47"/>
      <c r="C197" s="5"/>
      <c r="D197" s="5"/>
      <c r="E197" s="5"/>
      <c r="F197" s="47"/>
      <c r="G197" s="8"/>
      <c r="H197" s="8"/>
      <c r="I197" s="8"/>
      <c r="J197" s="8"/>
      <c r="K197" s="8"/>
    </row>
    <row r="198" spans="1:11" s="62" customFormat="1" ht="21.75" customHeight="1" x14ac:dyDescent="0.15">
      <c r="A198" s="55"/>
      <c r="B198" s="47"/>
      <c r="C198" s="5"/>
      <c r="D198" s="5"/>
      <c r="E198" s="5"/>
      <c r="F198" s="47"/>
      <c r="G198" s="8"/>
      <c r="H198" s="8"/>
      <c r="I198" s="8"/>
      <c r="J198" s="8"/>
      <c r="K198" s="8"/>
    </row>
    <row r="199" spans="1:11" s="62" customFormat="1" ht="21.75" customHeight="1" x14ac:dyDescent="0.15">
      <c r="A199" s="55"/>
      <c r="B199" s="47"/>
      <c r="C199" s="5"/>
      <c r="D199" s="5"/>
      <c r="E199" s="5"/>
      <c r="F199" s="47"/>
      <c r="G199" s="8"/>
      <c r="H199" s="8"/>
      <c r="I199" s="8"/>
      <c r="J199" s="8"/>
      <c r="K199" s="8"/>
    </row>
    <row r="200" spans="1:11" s="62" customFormat="1" ht="21.75" customHeight="1" x14ac:dyDescent="0.15">
      <c r="A200" s="55"/>
      <c r="B200" s="47"/>
      <c r="C200" s="5"/>
      <c r="D200" s="5"/>
      <c r="E200" s="5"/>
      <c r="F200" s="47"/>
      <c r="G200" s="8"/>
      <c r="H200" s="8"/>
      <c r="I200" s="8"/>
      <c r="J200" s="8"/>
      <c r="K200" s="8"/>
    </row>
    <row r="201" spans="1:11" s="62" customFormat="1" ht="21.75" customHeight="1" x14ac:dyDescent="0.15">
      <c r="A201" s="55"/>
      <c r="B201" s="47"/>
      <c r="C201" s="5"/>
      <c r="D201" s="5"/>
      <c r="E201" s="5"/>
      <c r="F201" s="47"/>
      <c r="G201" s="8"/>
      <c r="H201" s="8"/>
      <c r="I201" s="8"/>
      <c r="J201" s="8"/>
      <c r="K201" s="8"/>
    </row>
    <row r="202" spans="1:11" s="62" customFormat="1" ht="21.75" customHeight="1" x14ac:dyDescent="0.15">
      <c r="A202" s="55"/>
      <c r="B202" s="47"/>
      <c r="C202" s="5"/>
      <c r="D202" s="5"/>
      <c r="E202" s="5"/>
      <c r="F202" s="47"/>
      <c r="G202" s="8"/>
      <c r="H202" s="8"/>
      <c r="I202" s="8"/>
      <c r="J202" s="8"/>
      <c r="K202" s="8"/>
    </row>
    <row r="203" spans="1:11" s="62" customFormat="1" ht="21.75" customHeight="1" x14ac:dyDescent="0.15">
      <c r="A203" s="55"/>
      <c r="B203" s="47"/>
      <c r="C203" s="5"/>
      <c r="D203" s="5"/>
      <c r="E203" s="5"/>
      <c r="F203" s="47"/>
      <c r="G203" s="8"/>
      <c r="H203" s="8"/>
      <c r="I203" s="8"/>
      <c r="J203" s="8"/>
      <c r="K203" s="8"/>
    </row>
    <row r="204" spans="1:11" s="62" customFormat="1" ht="21.75" customHeight="1" x14ac:dyDescent="0.15">
      <c r="A204" s="55"/>
      <c r="B204" s="47"/>
      <c r="C204" s="5"/>
      <c r="D204" s="5"/>
      <c r="E204" s="5"/>
      <c r="F204" s="47"/>
      <c r="G204" s="8"/>
      <c r="H204" s="8"/>
      <c r="I204" s="8"/>
      <c r="J204" s="8"/>
      <c r="K204" s="8"/>
    </row>
    <row r="205" spans="1:11" s="62" customFormat="1" ht="21.75" customHeight="1" x14ac:dyDescent="0.15">
      <c r="A205" s="55"/>
      <c r="B205" s="47"/>
      <c r="C205" s="5"/>
      <c r="D205" s="5"/>
      <c r="E205" s="5"/>
      <c r="F205" s="47"/>
      <c r="G205" s="8"/>
      <c r="H205" s="8"/>
      <c r="I205" s="8"/>
      <c r="J205" s="8"/>
      <c r="K205" s="8"/>
    </row>
    <row r="206" spans="1:11" s="62" customFormat="1" ht="21.75" customHeight="1" x14ac:dyDescent="0.15">
      <c r="A206" s="55"/>
      <c r="B206" s="47"/>
      <c r="C206" s="5"/>
      <c r="D206" s="5"/>
      <c r="E206" s="5"/>
      <c r="F206" s="47"/>
      <c r="G206" s="8"/>
      <c r="H206" s="8"/>
      <c r="I206" s="8"/>
      <c r="J206" s="8"/>
      <c r="K206" s="8"/>
    </row>
    <row r="207" spans="1:11" s="62" customFormat="1" ht="21.75" customHeight="1" x14ac:dyDescent="0.15">
      <c r="A207" s="55"/>
      <c r="B207" s="47"/>
      <c r="C207" s="5"/>
      <c r="D207" s="5"/>
      <c r="E207" s="5"/>
      <c r="F207" s="47"/>
      <c r="G207" s="8"/>
      <c r="H207" s="8"/>
      <c r="I207" s="8"/>
      <c r="J207" s="8"/>
      <c r="K207" s="8"/>
    </row>
    <row r="208" spans="1:11" s="62" customFormat="1" ht="21.75" customHeight="1" x14ac:dyDescent="0.15">
      <c r="A208" s="55"/>
      <c r="B208" s="47"/>
      <c r="C208" s="5"/>
      <c r="D208" s="5"/>
      <c r="E208" s="5"/>
      <c r="F208" s="47"/>
      <c r="G208" s="8"/>
      <c r="H208" s="8"/>
      <c r="I208" s="8"/>
      <c r="J208" s="8"/>
      <c r="K208" s="8"/>
    </row>
    <row r="209" spans="1:11" s="62" customFormat="1" ht="21.75" customHeight="1" x14ac:dyDescent="0.15">
      <c r="A209" s="55"/>
      <c r="B209" s="47"/>
      <c r="C209" s="5"/>
      <c r="D209" s="5"/>
      <c r="E209" s="5"/>
      <c r="F209" s="47"/>
      <c r="G209" s="8"/>
      <c r="H209" s="8"/>
      <c r="I209" s="8"/>
      <c r="J209" s="8"/>
      <c r="K209" s="8"/>
    </row>
    <row r="210" spans="1:11" s="62" customFormat="1" ht="21.75" customHeight="1" x14ac:dyDescent="0.15">
      <c r="A210" s="55"/>
      <c r="B210" s="47"/>
      <c r="C210" s="5"/>
      <c r="D210" s="5"/>
      <c r="E210" s="5"/>
      <c r="F210" s="47"/>
      <c r="G210" s="8"/>
      <c r="H210" s="8"/>
      <c r="I210" s="8"/>
      <c r="J210" s="8"/>
      <c r="K210" s="8"/>
    </row>
    <row r="211" spans="1:11" s="62" customFormat="1" ht="21.75" customHeight="1" x14ac:dyDescent="0.15">
      <c r="A211" s="55"/>
      <c r="B211" s="47"/>
      <c r="C211" s="5"/>
      <c r="D211" s="5"/>
      <c r="E211" s="5"/>
      <c r="F211" s="47"/>
      <c r="G211" s="8"/>
      <c r="H211" s="8"/>
      <c r="I211" s="8"/>
      <c r="J211" s="8"/>
      <c r="K211" s="8"/>
    </row>
    <row r="212" spans="1:11" s="62" customFormat="1" ht="21.75" customHeight="1" x14ac:dyDescent="0.15">
      <c r="A212" s="55"/>
      <c r="B212" s="47"/>
      <c r="C212" s="5"/>
      <c r="D212" s="5"/>
      <c r="E212" s="5"/>
      <c r="F212" s="47"/>
      <c r="G212" s="8"/>
      <c r="H212" s="8"/>
      <c r="I212" s="8"/>
      <c r="J212" s="8"/>
      <c r="K212" s="8"/>
    </row>
    <row r="213" spans="1:11" s="62" customFormat="1" ht="21.75" customHeight="1" x14ac:dyDescent="0.15">
      <c r="A213" s="55"/>
      <c r="B213" s="47"/>
      <c r="C213" s="5"/>
      <c r="D213" s="5"/>
      <c r="E213" s="5"/>
      <c r="F213" s="47"/>
      <c r="G213" s="8"/>
      <c r="H213" s="8"/>
      <c r="I213" s="8"/>
      <c r="J213" s="8"/>
      <c r="K213" s="8"/>
    </row>
    <row r="214" spans="1:11" s="62" customFormat="1" ht="21.75" customHeight="1" x14ac:dyDescent="0.15">
      <c r="A214" s="55"/>
      <c r="B214" s="47"/>
      <c r="C214" s="5"/>
      <c r="D214" s="5"/>
      <c r="E214" s="5"/>
      <c r="F214" s="47"/>
      <c r="G214" s="8"/>
      <c r="H214" s="8"/>
      <c r="I214" s="8"/>
      <c r="J214" s="8"/>
      <c r="K214" s="8"/>
    </row>
    <row r="215" spans="1:11" s="62" customFormat="1" ht="21.75" customHeight="1" x14ac:dyDescent="0.15">
      <c r="A215" s="55"/>
      <c r="B215" s="47"/>
      <c r="C215" s="5"/>
      <c r="D215" s="5"/>
      <c r="E215" s="5"/>
      <c r="F215" s="47"/>
      <c r="G215" s="8"/>
      <c r="H215" s="8"/>
      <c r="I215" s="8"/>
      <c r="J215" s="8"/>
      <c r="K215" s="8"/>
    </row>
    <row r="216" spans="1:11" s="62" customFormat="1" ht="21.75" customHeight="1" x14ac:dyDescent="0.15">
      <c r="A216" s="55"/>
      <c r="B216" s="47"/>
      <c r="C216" s="5"/>
      <c r="D216" s="5"/>
      <c r="E216" s="5"/>
      <c r="F216" s="47"/>
      <c r="G216" s="8"/>
      <c r="H216" s="8"/>
      <c r="I216" s="8"/>
      <c r="J216" s="8"/>
      <c r="K216" s="8"/>
    </row>
    <row r="217" spans="1:11" s="62" customFormat="1" ht="21.75" customHeight="1" x14ac:dyDescent="0.15">
      <c r="A217" s="55"/>
      <c r="B217" s="47"/>
      <c r="C217" s="5"/>
      <c r="D217" s="5"/>
      <c r="E217" s="5"/>
      <c r="F217" s="47"/>
      <c r="G217" s="8"/>
      <c r="H217" s="8"/>
      <c r="I217" s="8"/>
      <c r="J217" s="8"/>
      <c r="K217" s="8"/>
    </row>
    <row r="218" spans="1:11" s="62" customFormat="1" ht="21.75" customHeight="1" x14ac:dyDescent="0.15">
      <c r="A218" s="55"/>
      <c r="B218" s="47"/>
      <c r="C218" s="5"/>
      <c r="D218" s="5"/>
      <c r="E218" s="5"/>
      <c r="F218" s="47"/>
      <c r="G218" s="8"/>
      <c r="H218" s="8"/>
      <c r="I218" s="8"/>
      <c r="J218" s="8"/>
      <c r="K218" s="8"/>
    </row>
    <row r="219" spans="1:11" s="62" customFormat="1" ht="21.75" customHeight="1" x14ac:dyDescent="0.15">
      <c r="A219" s="55"/>
      <c r="B219" s="47"/>
      <c r="C219" s="5"/>
      <c r="D219" s="5"/>
      <c r="E219" s="5"/>
      <c r="F219" s="47"/>
      <c r="G219" s="8"/>
      <c r="H219" s="8"/>
      <c r="I219" s="8"/>
      <c r="J219" s="8"/>
      <c r="K219" s="8"/>
    </row>
    <row r="220" spans="1:11" s="62" customFormat="1" ht="21.75" customHeight="1" x14ac:dyDescent="0.15">
      <c r="A220" s="55"/>
      <c r="B220" s="47"/>
      <c r="C220" s="5"/>
      <c r="D220" s="5"/>
      <c r="E220" s="5"/>
      <c r="F220" s="47"/>
      <c r="G220" s="8"/>
      <c r="H220" s="8"/>
      <c r="I220" s="8"/>
      <c r="J220" s="8"/>
      <c r="K220" s="8"/>
    </row>
    <row r="221" spans="1:11" s="62" customFormat="1" ht="21.75" customHeight="1" x14ac:dyDescent="0.15">
      <c r="A221" s="55"/>
      <c r="B221" s="47"/>
      <c r="C221" s="5"/>
      <c r="D221" s="5"/>
      <c r="E221" s="5"/>
      <c r="F221" s="47"/>
      <c r="G221" s="8"/>
      <c r="H221" s="8"/>
      <c r="I221" s="8"/>
      <c r="J221" s="8"/>
      <c r="K221" s="8"/>
    </row>
    <row r="222" spans="1:11" s="62" customFormat="1" ht="21.75" customHeight="1" x14ac:dyDescent="0.15">
      <c r="A222" s="55"/>
      <c r="B222" s="47"/>
      <c r="C222" s="5"/>
      <c r="D222" s="5"/>
      <c r="E222" s="5"/>
      <c r="F222" s="47"/>
      <c r="G222" s="8"/>
      <c r="H222" s="8"/>
      <c r="I222" s="8"/>
      <c r="J222" s="8"/>
      <c r="K222" s="8"/>
    </row>
    <row r="223" spans="1:11" s="62" customFormat="1" ht="21.75" customHeight="1" x14ac:dyDescent="0.15">
      <c r="A223" s="55"/>
      <c r="B223" s="47"/>
      <c r="C223" s="5"/>
      <c r="D223" s="5"/>
      <c r="E223" s="5"/>
      <c r="F223" s="47"/>
      <c r="G223" s="8"/>
      <c r="H223" s="8"/>
      <c r="I223" s="8"/>
      <c r="J223" s="8"/>
      <c r="K223" s="8"/>
    </row>
    <row r="224" spans="1:11" ht="26.45" customHeight="1" thickBot="1" x14ac:dyDescent="0.2">
      <c r="A224" s="107" t="s">
        <v>139</v>
      </c>
      <c r="B224" s="105"/>
      <c r="C224" s="105"/>
      <c r="D224" s="105"/>
      <c r="E224" s="47"/>
      <c r="F224" s="8"/>
      <c r="G224" s="8"/>
      <c r="H224" s="8"/>
      <c r="I224" s="8"/>
      <c r="J224" s="8"/>
      <c r="K224" s="8"/>
    </row>
    <row r="225" spans="1:12" ht="26.45" customHeight="1" thickBot="1" x14ac:dyDescent="0.2">
      <c r="A225" s="108" t="s">
        <v>10</v>
      </c>
      <c r="B225" s="216" t="s">
        <v>138</v>
      </c>
      <c r="C225" s="217"/>
      <c r="D225" s="218"/>
      <c r="E225" s="216" t="s">
        <v>214</v>
      </c>
      <c r="F225" s="217"/>
      <c r="G225" s="217"/>
      <c r="H225" s="218"/>
      <c r="I225" s="216" t="s">
        <v>213</v>
      </c>
      <c r="J225" s="217"/>
      <c r="K225" s="218"/>
      <c r="L225" s="24"/>
    </row>
    <row r="226" spans="1:12" s="70" customFormat="1" ht="23.1" customHeight="1" x14ac:dyDescent="0.15">
      <c r="A226" s="109">
        <v>1</v>
      </c>
      <c r="B226" s="110"/>
      <c r="C226" s="31"/>
      <c r="D226" s="32"/>
      <c r="E226" s="116"/>
      <c r="F226" s="31"/>
      <c r="G226" s="31"/>
      <c r="H226" s="32"/>
      <c r="I226" s="31"/>
      <c r="J226" s="31"/>
      <c r="K226" s="32"/>
      <c r="L226" s="15"/>
    </row>
    <row r="227" spans="1:12" s="70" customFormat="1" ht="6.75" customHeight="1" x14ac:dyDescent="0.15">
      <c r="A227" s="111"/>
      <c r="B227" s="112"/>
      <c r="C227" s="8"/>
      <c r="D227" s="9"/>
      <c r="E227" s="23"/>
      <c r="F227" s="8"/>
      <c r="G227" s="8"/>
      <c r="H227" s="9"/>
      <c r="I227" s="8"/>
      <c r="J227" s="8"/>
      <c r="K227" s="9"/>
      <c r="L227" s="15"/>
    </row>
    <row r="228" spans="1:12" ht="23.1" customHeight="1" x14ac:dyDescent="0.15">
      <c r="A228" s="111">
        <v>4.1666666666666664E-2</v>
      </c>
      <c r="B228" s="112"/>
      <c r="C228" s="8"/>
      <c r="D228" s="9"/>
      <c r="E228" s="23"/>
      <c r="F228" s="106"/>
      <c r="G228" s="8"/>
      <c r="H228" s="9"/>
      <c r="I228" s="8"/>
      <c r="J228" s="8"/>
      <c r="K228" s="9"/>
      <c r="L228" s="15"/>
    </row>
    <row r="229" spans="1:12" ht="7.5" customHeight="1" x14ac:dyDescent="0.15">
      <c r="A229" s="113"/>
      <c r="B229" s="112"/>
      <c r="C229" s="8"/>
      <c r="D229" s="9"/>
      <c r="E229" s="23"/>
      <c r="F229" s="106"/>
      <c r="G229" s="8"/>
      <c r="H229" s="9"/>
      <c r="I229" s="8"/>
      <c r="J229" s="8"/>
      <c r="K229" s="9"/>
      <c r="L229" s="15"/>
    </row>
    <row r="230" spans="1:12" ht="23.1" customHeight="1" x14ac:dyDescent="0.15">
      <c r="A230" s="111">
        <v>8.3333333333333329E-2</v>
      </c>
      <c r="B230" s="112"/>
      <c r="C230" s="8"/>
      <c r="D230" s="9"/>
      <c r="E230" s="23"/>
      <c r="F230" s="106"/>
      <c r="G230" s="8"/>
      <c r="H230" s="9"/>
      <c r="I230" s="8"/>
      <c r="J230" s="8"/>
      <c r="K230" s="9"/>
      <c r="L230" s="15"/>
    </row>
    <row r="231" spans="1:12" ht="7.5" customHeight="1" x14ac:dyDescent="0.15">
      <c r="A231" s="113"/>
      <c r="B231" s="112"/>
      <c r="C231" s="8"/>
      <c r="D231" s="9"/>
      <c r="E231" s="23"/>
      <c r="F231" s="106"/>
      <c r="G231" s="8"/>
      <c r="H231" s="9"/>
      <c r="I231" s="8"/>
      <c r="J231" s="8"/>
      <c r="K231" s="9"/>
      <c r="L231" s="15"/>
    </row>
    <row r="232" spans="1:12" ht="23.85" customHeight="1" x14ac:dyDescent="0.15">
      <c r="A232" s="111">
        <v>0.125</v>
      </c>
      <c r="B232" s="112"/>
      <c r="C232" s="8"/>
      <c r="D232" s="9"/>
      <c r="E232" s="23"/>
      <c r="F232" s="106"/>
      <c r="G232" s="8"/>
      <c r="H232" s="9"/>
      <c r="I232" s="8"/>
      <c r="J232" s="8"/>
      <c r="K232" s="9"/>
      <c r="L232" s="15"/>
    </row>
    <row r="233" spans="1:12" ht="7.5" customHeight="1" x14ac:dyDescent="0.15">
      <c r="A233" s="113"/>
      <c r="B233" s="112"/>
      <c r="C233" s="8"/>
      <c r="D233" s="9"/>
      <c r="E233" s="23"/>
      <c r="F233" s="106"/>
      <c r="G233" s="8"/>
      <c r="H233" s="9"/>
      <c r="I233" s="8"/>
      <c r="J233" s="8"/>
      <c r="K233" s="9"/>
      <c r="L233" s="15"/>
    </row>
    <row r="234" spans="1:12" ht="22.7" customHeight="1" x14ac:dyDescent="0.15">
      <c r="A234" s="111">
        <v>0.16666666666666666</v>
      </c>
      <c r="B234" s="112"/>
      <c r="C234" s="8"/>
      <c r="D234" s="9"/>
      <c r="E234" s="23"/>
      <c r="F234" s="106"/>
      <c r="G234" s="8"/>
      <c r="H234" s="9"/>
      <c r="I234" s="8"/>
      <c r="J234" s="8"/>
      <c r="K234" s="9"/>
      <c r="L234" s="15"/>
    </row>
    <row r="235" spans="1:12" ht="7.5" customHeight="1" x14ac:dyDescent="0.15">
      <c r="A235" s="113"/>
      <c r="B235" s="112"/>
      <c r="C235" s="8"/>
      <c r="D235" s="9"/>
      <c r="E235" s="23"/>
      <c r="F235" s="106"/>
      <c r="G235" s="8"/>
      <c r="H235" s="9"/>
      <c r="I235" s="8"/>
      <c r="J235" s="8"/>
      <c r="K235" s="9"/>
      <c r="L235" s="15"/>
    </row>
    <row r="236" spans="1:12" ht="23.1" customHeight="1" x14ac:dyDescent="0.15">
      <c r="A236" s="111">
        <v>0.20833333333333334</v>
      </c>
      <c r="B236" s="112"/>
      <c r="C236" s="8"/>
      <c r="D236" s="9"/>
      <c r="E236" s="23"/>
      <c r="F236" s="106"/>
      <c r="G236" s="8"/>
      <c r="H236" s="9"/>
      <c r="I236" s="8"/>
      <c r="J236" s="8"/>
      <c r="K236" s="9"/>
      <c r="L236" s="15"/>
    </row>
    <row r="237" spans="1:12" ht="7.5" customHeight="1" x14ac:dyDescent="0.15">
      <c r="A237" s="113"/>
      <c r="B237" s="112"/>
      <c r="C237" s="8"/>
      <c r="D237" s="9"/>
      <c r="E237" s="23"/>
      <c r="F237" s="8"/>
      <c r="G237" s="8"/>
      <c r="H237" s="9"/>
      <c r="I237" s="8"/>
      <c r="J237" s="8"/>
      <c r="K237" s="9"/>
      <c r="L237" s="15"/>
    </row>
    <row r="238" spans="1:12" ht="23.1" customHeight="1" x14ac:dyDescent="0.15">
      <c r="A238" s="111">
        <v>0.25</v>
      </c>
      <c r="B238" s="112"/>
      <c r="C238" s="8"/>
      <c r="D238" s="9"/>
      <c r="E238" s="23"/>
      <c r="F238" s="8"/>
      <c r="G238" s="8"/>
      <c r="H238" s="9"/>
      <c r="I238" s="8"/>
      <c r="J238" s="8"/>
      <c r="K238" s="9"/>
      <c r="L238" s="15"/>
    </row>
    <row r="239" spans="1:12" ht="7.5" customHeight="1" x14ac:dyDescent="0.15">
      <c r="A239" s="113"/>
      <c r="B239" s="112"/>
      <c r="C239" s="8"/>
      <c r="D239" s="9"/>
      <c r="E239" s="23"/>
      <c r="F239" s="8"/>
      <c r="G239" s="8"/>
      <c r="H239" s="9"/>
      <c r="I239" s="8"/>
      <c r="J239" s="8"/>
      <c r="K239" s="9"/>
      <c r="L239" s="15"/>
    </row>
    <row r="240" spans="1:12" ht="22.7" customHeight="1" x14ac:dyDescent="0.15">
      <c r="A240" s="111">
        <v>0.29166666666666669</v>
      </c>
      <c r="B240" s="112"/>
      <c r="C240" s="8"/>
      <c r="D240" s="9"/>
      <c r="E240" s="23"/>
      <c r="F240" s="8"/>
      <c r="G240" s="8"/>
      <c r="H240" s="9"/>
      <c r="I240" s="8"/>
      <c r="J240" s="8"/>
      <c r="K240" s="9"/>
      <c r="L240" s="15"/>
    </row>
    <row r="241" spans="1:12" ht="7.5" customHeight="1" x14ac:dyDescent="0.15">
      <c r="A241" s="113"/>
      <c r="B241" s="112"/>
      <c r="C241" s="8"/>
      <c r="D241" s="9"/>
      <c r="E241" s="23"/>
      <c r="F241" s="8"/>
      <c r="G241" s="8"/>
      <c r="H241" s="9"/>
      <c r="I241" s="8"/>
      <c r="J241" s="8"/>
      <c r="K241" s="9"/>
      <c r="L241" s="15"/>
    </row>
    <row r="242" spans="1:12" ht="23.1" customHeight="1" x14ac:dyDescent="0.15">
      <c r="A242" s="111">
        <v>0.33333333333333331</v>
      </c>
      <c r="B242" s="112"/>
      <c r="C242" s="8"/>
      <c r="D242" s="9"/>
      <c r="E242" s="23"/>
      <c r="F242" s="8"/>
      <c r="G242" s="8"/>
      <c r="H242" s="9"/>
      <c r="I242" s="8"/>
      <c r="J242" s="8"/>
      <c r="K242" s="9"/>
      <c r="L242" s="15"/>
    </row>
    <row r="243" spans="1:12" ht="7.5" customHeight="1" x14ac:dyDescent="0.15">
      <c r="A243" s="113"/>
      <c r="B243" s="112"/>
      <c r="C243" s="8"/>
      <c r="D243" s="9"/>
      <c r="E243" s="23"/>
      <c r="F243" s="8"/>
      <c r="G243" s="8"/>
      <c r="H243" s="9"/>
      <c r="I243" s="8"/>
      <c r="J243" s="8"/>
      <c r="K243" s="9"/>
      <c r="L243" s="15"/>
    </row>
    <row r="244" spans="1:12" ht="23.85" customHeight="1" x14ac:dyDescent="0.15">
      <c r="A244" s="111">
        <v>0.375</v>
      </c>
      <c r="B244" s="112"/>
      <c r="C244" s="8"/>
      <c r="D244" s="9"/>
      <c r="E244" s="23"/>
      <c r="F244" s="8"/>
      <c r="G244" s="8"/>
      <c r="H244" s="9"/>
      <c r="I244" s="8"/>
      <c r="J244" s="8"/>
      <c r="K244" s="9"/>
      <c r="L244" s="15"/>
    </row>
    <row r="245" spans="1:12" ht="7.5" customHeight="1" x14ac:dyDescent="0.15">
      <c r="A245" s="113"/>
      <c r="B245" s="112"/>
      <c r="C245" s="8"/>
      <c r="D245" s="9"/>
      <c r="E245" s="23"/>
      <c r="F245" s="8"/>
      <c r="G245" s="8"/>
      <c r="H245" s="9"/>
      <c r="I245" s="8"/>
      <c r="J245" s="8"/>
      <c r="K245" s="9"/>
      <c r="L245" s="15"/>
    </row>
    <row r="246" spans="1:12" ht="23.85" customHeight="1" x14ac:dyDescent="0.15">
      <c r="A246" s="111">
        <v>0.41666666666666669</v>
      </c>
      <c r="B246" s="112"/>
      <c r="C246" s="8"/>
      <c r="D246" s="9"/>
      <c r="E246" s="23"/>
      <c r="F246" s="8"/>
      <c r="G246" s="8"/>
      <c r="H246" s="9"/>
      <c r="I246" s="8"/>
      <c r="J246" s="8"/>
      <c r="K246" s="9"/>
      <c r="L246" s="15"/>
    </row>
    <row r="247" spans="1:12" ht="7.5" customHeight="1" x14ac:dyDescent="0.15">
      <c r="A247" s="113"/>
      <c r="B247" s="112"/>
      <c r="C247" s="8"/>
      <c r="D247" s="9"/>
      <c r="E247" s="23"/>
      <c r="F247" s="8"/>
      <c r="G247" s="8"/>
      <c r="H247" s="9"/>
      <c r="I247" s="8"/>
      <c r="J247" s="8"/>
      <c r="K247" s="9"/>
      <c r="L247" s="15"/>
    </row>
    <row r="248" spans="1:12" ht="22.7" customHeight="1" x14ac:dyDescent="0.15">
      <c r="A248" s="111">
        <v>0.45833333333333331</v>
      </c>
      <c r="B248" s="112"/>
      <c r="C248" s="8"/>
      <c r="D248" s="9"/>
      <c r="E248" s="23"/>
      <c r="F248" s="8"/>
      <c r="G248" s="8"/>
      <c r="H248" s="9"/>
      <c r="I248" s="8"/>
      <c r="J248" s="8"/>
      <c r="K248" s="9"/>
      <c r="L248" s="15"/>
    </row>
    <row r="249" spans="1:12" ht="7.5" customHeight="1" x14ac:dyDescent="0.15">
      <c r="A249" s="113"/>
      <c r="B249" s="112"/>
      <c r="C249" s="8"/>
      <c r="D249" s="9"/>
      <c r="E249" s="23"/>
      <c r="F249" s="8"/>
      <c r="G249" s="8"/>
      <c r="H249" s="9"/>
      <c r="I249" s="8"/>
      <c r="J249" s="8"/>
      <c r="K249" s="9"/>
      <c r="L249" s="15"/>
    </row>
    <row r="250" spans="1:12" ht="23.1" customHeight="1" x14ac:dyDescent="0.15">
      <c r="A250" s="111">
        <v>0.5</v>
      </c>
      <c r="B250" s="112"/>
      <c r="C250" s="8"/>
      <c r="D250" s="9"/>
      <c r="E250" s="23"/>
      <c r="F250" s="8"/>
      <c r="G250" s="8"/>
      <c r="H250" s="9"/>
      <c r="I250" s="8"/>
      <c r="J250" s="8"/>
      <c r="K250" s="9"/>
      <c r="L250" s="15"/>
    </row>
    <row r="251" spans="1:12" ht="7.5" customHeight="1" x14ac:dyDescent="0.15">
      <c r="A251" s="113"/>
      <c r="B251" s="112"/>
      <c r="C251" s="8"/>
      <c r="D251" s="9"/>
      <c r="E251" s="23"/>
      <c r="F251" s="8"/>
      <c r="G251" s="8"/>
      <c r="H251" s="9"/>
      <c r="I251" s="8"/>
      <c r="J251" s="8"/>
      <c r="K251" s="9"/>
      <c r="L251" s="15"/>
    </row>
    <row r="252" spans="1:12" ht="23.1" customHeight="1" x14ac:dyDescent="0.15">
      <c r="A252" s="111">
        <v>0.54166666666666663</v>
      </c>
      <c r="B252" s="112"/>
      <c r="C252" s="8"/>
      <c r="D252" s="9"/>
      <c r="E252" s="23"/>
      <c r="F252" s="8"/>
      <c r="G252" s="8"/>
      <c r="H252" s="9"/>
      <c r="I252" s="8"/>
      <c r="J252" s="8"/>
      <c r="K252" s="9"/>
      <c r="L252" s="15"/>
    </row>
    <row r="253" spans="1:12" ht="7.5" customHeight="1" x14ac:dyDescent="0.15">
      <c r="A253" s="113"/>
      <c r="B253" s="112"/>
      <c r="C253" s="8"/>
      <c r="D253" s="9"/>
      <c r="E253" s="23"/>
      <c r="F253" s="8"/>
      <c r="G253" s="8"/>
      <c r="H253" s="9"/>
      <c r="I253" s="8"/>
      <c r="J253" s="8"/>
      <c r="K253" s="9"/>
      <c r="L253" s="15"/>
    </row>
    <row r="254" spans="1:12" ht="23.1" customHeight="1" x14ac:dyDescent="0.15">
      <c r="A254" s="111">
        <v>0.58333333333333337</v>
      </c>
      <c r="B254" s="112"/>
      <c r="C254" s="8"/>
      <c r="D254" s="9"/>
      <c r="E254" s="23"/>
      <c r="F254" s="8"/>
      <c r="G254" s="8"/>
      <c r="H254" s="9"/>
      <c r="I254" s="8"/>
      <c r="J254" s="8"/>
      <c r="K254" s="9"/>
      <c r="L254" s="15"/>
    </row>
    <row r="255" spans="1:12" ht="7.5" customHeight="1" x14ac:dyDescent="0.15">
      <c r="A255" s="113"/>
      <c r="B255" s="112"/>
      <c r="C255" s="8"/>
      <c r="D255" s="9"/>
      <c r="E255" s="23"/>
      <c r="F255" s="8"/>
      <c r="G255" s="8"/>
      <c r="H255" s="9"/>
      <c r="I255" s="8"/>
      <c r="J255" s="8"/>
      <c r="K255" s="9"/>
      <c r="L255" s="15"/>
    </row>
    <row r="256" spans="1:12" ht="22.7" customHeight="1" x14ac:dyDescent="0.15">
      <c r="A256" s="111">
        <v>0.625</v>
      </c>
      <c r="B256" s="112"/>
      <c r="C256" s="8"/>
      <c r="D256" s="9"/>
      <c r="E256" s="23"/>
      <c r="F256" s="8"/>
      <c r="G256" s="8"/>
      <c r="H256" s="9"/>
      <c r="I256" s="8"/>
      <c r="J256" s="8"/>
      <c r="K256" s="9"/>
      <c r="L256" s="15"/>
    </row>
    <row r="257" spans="1:12" ht="7.5" customHeight="1" x14ac:dyDescent="0.15">
      <c r="A257" s="113"/>
      <c r="B257" s="112"/>
      <c r="C257" s="8"/>
      <c r="D257" s="9"/>
      <c r="E257" s="23"/>
      <c r="F257" s="8"/>
      <c r="G257" s="8"/>
      <c r="H257" s="9"/>
      <c r="I257" s="8"/>
      <c r="J257" s="8"/>
      <c r="K257" s="9"/>
      <c r="L257" s="15"/>
    </row>
    <row r="258" spans="1:12" ht="22.7" customHeight="1" x14ac:dyDescent="0.15">
      <c r="A258" s="111">
        <v>0.66666666666666663</v>
      </c>
      <c r="B258" s="112"/>
      <c r="C258" s="8"/>
      <c r="D258" s="9"/>
      <c r="E258" s="23"/>
      <c r="F258" s="8"/>
      <c r="G258" s="8"/>
      <c r="H258" s="9"/>
      <c r="I258" s="8"/>
      <c r="J258" s="8"/>
      <c r="K258" s="9"/>
      <c r="L258" s="15"/>
    </row>
    <row r="259" spans="1:12" ht="6.75" customHeight="1" x14ac:dyDescent="0.15">
      <c r="A259" s="113"/>
      <c r="B259" s="112"/>
      <c r="C259" s="8"/>
      <c r="D259" s="9"/>
      <c r="E259" s="23"/>
      <c r="F259" s="8"/>
      <c r="G259" s="8"/>
      <c r="H259" s="9"/>
      <c r="I259" s="8"/>
      <c r="J259" s="8"/>
      <c r="K259" s="9"/>
      <c r="L259" s="15"/>
    </row>
    <row r="260" spans="1:12" ht="22.7" customHeight="1" x14ac:dyDescent="0.15">
      <c r="A260" s="111">
        <v>0.70833333333333337</v>
      </c>
      <c r="B260" s="112"/>
      <c r="C260" s="8"/>
      <c r="D260" s="9"/>
      <c r="E260" s="23"/>
      <c r="F260" s="8"/>
      <c r="G260" s="8"/>
      <c r="H260" s="9"/>
      <c r="I260" s="8"/>
      <c r="J260" s="8"/>
      <c r="K260" s="9"/>
      <c r="L260" s="15"/>
    </row>
    <row r="261" spans="1:12" ht="7.5" customHeight="1" x14ac:dyDescent="0.15">
      <c r="A261" s="113"/>
      <c r="B261" s="112"/>
      <c r="C261" s="8"/>
      <c r="D261" s="9"/>
      <c r="E261" s="23"/>
      <c r="F261" s="8"/>
      <c r="G261" s="8"/>
      <c r="H261" s="9"/>
      <c r="I261" s="8"/>
      <c r="J261" s="8"/>
      <c r="K261" s="9"/>
      <c r="L261" s="15"/>
    </row>
    <row r="262" spans="1:12" ht="23.85" customHeight="1" x14ac:dyDescent="0.15">
      <c r="A262" s="111">
        <v>0.75</v>
      </c>
      <c r="B262" s="112"/>
      <c r="C262" s="8"/>
      <c r="D262" s="9"/>
      <c r="E262" s="23"/>
      <c r="F262" s="8"/>
      <c r="G262" s="8"/>
      <c r="H262" s="9"/>
      <c r="I262" s="8"/>
      <c r="J262" s="8"/>
      <c r="K262" s="9"/>
      <c r="L262" s="15"/>
    </row>
    <row r="263" spans="1:12" ht="7.5" customHeight="1" x14ac:dyDescent="0.15">
      <c r="A263" s="113"/>
      <c r="B263" s="112"/>
      <c r="C263" s="8"/>
      <c r="D263" s="9"/>
      <c r="E263" s="23"/>
      <c r="F263" s="8"/>
      <c r="G263" s="8"/>
      <c r="H263" s="9"/>
      <c r="I263" s="8"/>
      <c r="J263" s="8"/>
      <c r="K263" s="9"/>
    </row>
    <row r="264" spans="1:12" ht="23.1" customHeight="1" x14ac:dyDescent="0.15">
      <c r="A264" s="111">
        <v>0.79166666666666663</v>
      </c>
      <c r="B264" s="112"/>
      <c r="C264" s="8"/>
      <c r="D264" s="9"/>
      <c r="E264" s="23"/>
      <c r="F264" s="8"/>
      <c r="G264" s="8"/>
      <c r="H264" s="9"/>
      <c r="I264" s="8"/>
      <c r="J264" s="8"/>
      <c r="K264" s="9"/>
    </row>
    <row r="265" spans="1:12" ht="7.5" customHeight="1" x14ac:dyDescent="0.15">
      <c r="A265" s="113"/>
      <c r="B265" s="112"/>
      <c r="C265" s="8"/>
      <c r="D265" s="9"/>
      <c r="E265" s="23"/>
      <c r="F265" s="8"/>
      <c r="G265" s="8"/>
      <c r="H265" s="9"/>
      <c r="I265" s="8"/>
      <c r="J265" s="8"/>
      <c r="K265" s="9"/>
    </row>
    <row r="266" spans="1:12" ht="23.85" customHeight="1" x14ac:dyDescent="0.15">
      <c r="A266" s="111">
        <v>0.83333333333333337</v>
      </c>
      <c r="B266" s="112"/>
      <c r="C266" s="8"/>
      <c r="D266" s="9"/>
      <c r="E266" s="23"/>
      <c r="F266" s="8"/>
      <c r="G266" s="8"/>
      <c r="H266" s="9"/>
      <c r="I266" s="8"/>
      <c r="J266" s="8"/>
      <c r="K266" s="9"/>
    </row>
    <row r="267" spans="1:12" ht="7.5" customHeight="1" x14ac:dyDescent="0.15">
      <c r="A267" s="113"/>
      <c r="B267" s="112"/>
      <c r="C267" s="8"/>
      <c r="D267" s="9"/>
      <c r="E267" s="23"/>
      <c r="F267" s="8"/>
      <c r="G267" s="8"/>
      <c r="H267" s="9"/>
      <c r="I267" s="8"/>
      <c r="J267" s="8"/>
      <c r="K267" s="9"/>
    </row>
    <row r="268" spans="1:12" ht="23.1" customHeight="1" x14ac:dyDescent="0.15">
      <c r="A268" s="111">
        <v>0.875</v>
      </c>
      <c r="B268" s="112"/>
      <c r="C268" s="8"/>
      <c r="D268" s="9"/>
      <c r="E268" s="23"/>
      <c r="F268" s="8"/>
      <c r="G268" s="8"/>
      <c r="H268" s="9"/>
      <c r="I268" s="8"/>
      <c r="J268" s="8"/>
      <c r="K268" s="9"/>
    </row>
    <row r="269" spans="1:12" ht="7.5" customHeight="1" x14ac:dyDescent="0.15">
      <c r="A269" s="113"/>
      <c r="B269" s="112"/>
      <c r="C269" s="8"/>
      <c r="D269" s="9"/>
      <c r="E269" s="23"/>
      <c r="F269" s="8"/>
      <c r="G269" s="8"/>
      <c r="H269" s="9"/>
      <c r="I269" s="8"/>
      <c r="J269" s="8"/>
      <c r="K269" s="9"/>
    </row>
    <row r="270" spans="1:12" ht="24.75" customHeight="1" x14ac:dyDescent="0.15">
      <c r="A270" s="111">
        <v>0.91666666666666663</v>
      </c>
      <c r="B270" s="112"/>
      <c r="C270" s="8"/>
      <c r="D270" s="9"/>
      <c r="E270" s="23"/>
      <c r="F270" s="8"/>
      <c r="G270" s="8"/>
      <c r="H270" s="9"/>
      <c r="I270" s="8"/>
      <c r="J270" s="8"/>
      <c r="K270" s="9"/>
    </row>
    <row r="271" spans="1:12" ht="7.5" customHeight="1" x14ac:dyDescent="0.15">
      <c r="A271" s="113"/>
      <c r="B271" s="112"/>
      <c r="C271" s="8"/>
      <c r="D271" s="9"/>
      <c r="E271" s="23"/>
      <c r="F271" s="8"/>
      <c r="G271" s="8"/>
      <c r="H271" s="9"/>
      <c r="I271" s="8"/>
      <c r="J271" s="8"/>
      <c r="K271" s="9"/>
    </row>
    <row r="272" spans="1:12" ht="27" customHeight="1" thickBot="1" x14ac:dyDescent="0.2">
      <c r="A272" s="114">
        <v>0.95833333333333337</v>
      </c>
      <c r="B272" s="115"/>
      <c r="C272" s="37"/>
      <c r="D272" s="38"/>
      <c r="E272" s="92"/>
      <c r="F272" s="37"/>
      <c r="G272" s="37"/>
      <c r="H272" s="38"/>
      <c r="I272" s="37"/>
      <c r="J272" s="37"/>
      <c r="K272" s="38"/>
    </row>
    <row r="273" spans="1:18" ht="31.7" customHeight="1" thickBot="1" x14ac:dyDescent="0.2">
      <c r="A273" s="107" t="s">
        <v>215</v>
      </c>
      <c r="B273" s="105"/>
      <c r="C273" s="105"/>
      <c r="D273" s="105"/>
      <c r="E273" s="117"/>
      <c r="F273" s="117"/>
      <c r="G273" s="117"/>
      <c r="H273" s="117"/>
      <c r="I273" s="117"/>
      <c r="J273" s="117"/>
      <c r="K273" s="117"/>
    </row>
    <row r="274" spans="1:18" ht="21.2" customHeight="1" x14ac:dyDescent="0.15">
      <c r="A274" s="120" t="s">
        <v>216</v>
      </c>
      <c r="B274" s="292" t="s">
        <v>140</v>
      </c>
      <c r="C274" s="293"/>
      <c r="D274" s="293"/>
      <c r="E274" s="123" t="s">
        <v>221</v>
      </c>
      <c r="F274" s="292" t="s">
        <v>219</v>
      </c>
      <c r="G274" s="293"/>
      <c r="H274" s="293"/>
      <c r="I274" s="293" t="s">
        <v>220</v>
      </c>
      <c r="J274" s="293"/>
      <c r="K274" s="294"/>
      <c r="L274" s="117"/>
      <c r="M274" s="117"/>
      <c r="N274" s="117"/>
      <c r="O274" s="117"/>
      <c r="P274" s="117"/>
      <c r="Q274" s="117"/>
      <c r="R274" s="117"/>
    </row>
    <row r="275" spans="1:18" s="70" customFormat="1" ht="22.7" customHeight="1" x14ac:dyDescent="0.15">
      <c r="A275" s="121"/>
      <c r="B275" s="283" t="s">
        <v>141</v>
      </c>
      <c r="C275" s="284"/>
      <c r="D275" s="284"/>
      <c r="E275" s="124"/>
      <c r="F275" s="283"/>
      <c r="G275" s="284"/>
      <c r="H275" s="284"/>
      <c r="I275" s="284"/>
      <c r="J275" s="284"/>
      <c r="K275" s="286"/>
      <c r="L275" s="117"/>
      <c r="M275" s="117"/>
      <c r="N275" s="117"/>
      <c r="O275" s="117"/>
      <c r="P275" s="117"/>
      <c r="Q275" s="117"/>
      <c r="R275" s="117"/>
    </row>
    <row r="276" spans="1:18" s="70" customFormat="1" ht="22.7" customHeight="1" x14ac:dyDescent="0.15">
      <c r="A276" s="121"/>
      <c r="B276" s="283" t="s">
        <v>66</v>
      </c>
      <c r="C276" s="284"/>
      <c r="D276" s="284"/>
      <c r="E276" s="124"/>
      <c r="F276" s="283"/>
      <c r="G276" s="284"/>
      <c r="H276" s="284"/>
      <c r="I276" s="284"/>
      <c r="J276" s="284"/>
      <c r="K276" s="286"/>
      <c r="L276" s="117"/>
      <c r="M276" s="117"/>
      <c r="N276" s="117"/>
      <c r="O276" s="117"/>
      <c r="P276" s="117"/>
      <c r="Q276" s="117"/>
      <c r="R276" s="117"/>
    </row>
    <row r="277" spans="1:18" s="70" customFormat="1" ht="22.7" customHeight="1" x14ac:dyDescent="0.15">
      <c r="A277" s="121"/>
      <c r="B277" s="283" t="s">
        <v>142</v>
      </c>
      <c r="C277" s="284"/>
      <c r="D277" s="284"/>
      <c r="E277" s="124"/>
      <c r="F277" s="283"/>
      <c r="G277" s="284"/>
      <c r="H277" s="284"/>
      <c r="I277" s="284"/>
      <c r="J277" s="284"/>
      <c r="K277" s="286"/>
      <c r="L277" s="117"/>
      <c r="M277" s="117"/>
      <c r="N277" s="117"/>
      <c r="O277" s="117"/>
      <c r="P277" s="117"/>
      <c r="Q277" s="117"/>
      <c r="R277" s="117"/>
    </row>
    <row r="278" spans="1:18" s="70" customFormat="1" ht="22.7" customHeight="1" x14ac:dyDescent="0.15">
      <c r="A278" s="121"/>
      <c r="B278" s="283" t="s">
        <v>143</v>
      </c>
      <c r="C278" s="284"/>
      <c r="D278" s="284"/>
      <c r="E278" s="124"/>
      <c r="F278" s="283"/>
      <c r="G278" s="284"/>
      <c r="H278" s="284"/>
      <c r="I278" s="284"/>
      <c r="J278" s="284"/>
      <c r="K278" s="286"/>
      <c r="L278" s="117"/>
      <c r="M278" s="117"/>
      <c r="N278" s="117"/>
      <c r="O278" s="117"/>
      <c r="P278" s="117"/>
      <c r="Q278" s="117"/>
      <c r="R278" s="117"/>
    </row>
    <row r="279" spans="1:18" ht="22.7" customHeight="1" x14ac:dyDescent="0.15">
      <c r="A279" s="121"/>
      <c r="B279" s="283" t="s">
        <v>144</v>
      </c>
      <c r="C279" s="284"/>
      <c r="D279" s="284"/>
      <c r="E279" s="124"/>
      <c r="F279" s="283"/>
      <c r="G279" s="284"/>
      <c r="H279" s="284"/>
      <c r="I279" s="284"/>
      <c r="J279" s="284"/>
      <c r="K279" s="286"/>
      <c r="L279" s="117"/>
      <c r="M279" s="117"/>
      <c r="N279" s="117"/>
      <c r="O279" s="117"/>
      <c r="P279" s="117"/>
      <c r="Q279" s="117"/>
    </row>
    <row r="280" spans="1:18" ht="22.7" customHeight="1" x14ac:dyDescent="0.15">
      <c r="A280" s="121"/>
      <c r="B280" s="283" t="s">
        <v>145</v>
      </c>
      <c r="C280" s="284"/>
      <c r="D280" s="284"/>
      <c r="E280" s="124"/>
      <c r="F280" s="283"/>
      <c r="G280" s="284"/>
      <c r="H280" s="284"/>
      <c r="I280" s="284"/>
      <c r="J280" s="284"/>
      <c r="K280" s="286"/>
      <c r="L280" s="117"/>
      <c r="M280" s="117"/>
      <c r="N280" s="117"/>
      <c r="O280" s="117"/>
      <c r="P280" s="117"/>
      <c r="Q280" s="117"/>
      <c r="R280" s="117"/>
    </row>
    <row r="281" spans="1:18" ht="22.7" customHeight="1" x14ac:dyDescent="0.15">
      <c r="A281" s="121"/>
      <c r="B281" s="283" t="s">
        <v>146</v>
      </c>
      <c r="C281" s="284"/>
      <c r="D281" s="284"/>
      <c r="E281" s="124"/>
      <c r="F281" s="283"/>
      <c r="G281" s="284"/>
      <c r="H281" s="284"/>
      <c r="I281" s="284"/>
      <c r="J281" s="284"/>
      <c r="K281" s="286"/>
      <c r="L281" s="117"/>
      <c r="M281" s="117"/>
      <c r="N281" s="117"/>
      <c r="O281" s="117"/>
      <c r="P281" s="117"/>
      <c r="Q281" s="117"/>
      <c r="R281" s="117"/>
    </row>
    <row r="282" spans="1:18" ht="22.7" customHeight="1" x14ac:dyDescent="0.15">
      <c r="A282" s="121"/>
      <c r="B282" s="283" t="s">
        <v>147</v>
      </c>
      <c r="C282" s="284"/>
      <c r="D282" s="284"/>
      <c r="E282" s="124"/>
      <c r="F282" s="283"/>
      <c r="G282" s="284"/>
      <c r="H282" s="284"/>
      <c r="I282" s="284"/>
      <c r="J282" s="284"/>
      <c r="K282" s="286"/>
      <c r="L282" s="117"/>
      <c r="M282" s="117"/>
      <c r="N282" s="117"/>
      <c r="O282" s="117"/>
      <c r="P282" s="117"/>
      <c r="Q282" s="117"/>
      <c r="R282" s="117"/>
    </row>
    <row r="283" spans="1:18" ht="22.7" customHeight="1" x14ac:dyDescent="0.15">
      <c r="A283" s="121"/>
      <c r="B283" s="283" t="s">
        <v>148</v>
      </c>
      <c r="C283" s="284"/>
      <c r="D283" s="284"/>
      <c r="E283" s="124"/>
      <c r="F283" s="283"/>
      <c r="G283" s="284"/>
      <c r="H283" s="284"/>
      <c r="I283" s="284"/>
      <c r="J283" s="284"/>
      <c r="K283" s="286"/>
      <c r="L283" s="117"/>
      <c r="M283" s="117"/>
      <c r="N283" s="117"/>
      <c r="O283" s="117"/>
      <c r="P283" s="117"/>
      <c r="Q283" s="117"/>
      <c r="R283" s="117"/>
    </row>
    <row r="284" spans="1:18" ht="22.7" customHeight="1" x14ac:dyDescent="0.15">
      <c r="A284" s="121"/>
      <c r="B284" s="283" t="s">
        <v>149</v>
      </c>
      <c r="C284" s="284"/>
      <c r="D284" s="284"/>
      <c r="E284" s="124"/>
      <c r="F284" s="283"/>
      <c r="G284" s="284"/>
      <c r="H284" s="284"/>
      <c r="I284" s="284"/>
      <c r="J284" s="284"/>
      <c r="K284" s="286"/>
      <c r="L284" s="117"/>
      <c r="M284" s="117"/>
      <c r="N284" s="117"/>
      <c r="O284" s="117"/>
      <c r="P284" s="117"/>
      <c r="Q284" s="117"/>
      <c r="R284" s="117"/>
    </row>
    <row r="285" spans="1:18" ht="22.7" customHeight="1" x14ac:dyDescent="0.15">
      <c r="A285" s="121"/>
      <c r="B285" s="283" t="s">
        <v>150</v>
      </c>
      <c r="C285" s="284"/>
      <c r="D285" s="284"/>
      <c r="E285" s="124"/>
      <c r="F285" s="283"/>
      <c r="G285" s="284"/>
      <c r="H285" s="284"/>
      <c r="I285" s="284"/>
      <c r="J285" s="284"/>
      <c r="K285" s="286"/>
      <c r="L285" s="117"/>
      <c r="M285" s="117"/>
      <c r="N285" s="117"/>
      <c r="O285" s="117"/>
      <c r="P285" s="117"/>
      <c r="Q285" s="117"/>
      <c r="R285" s="117"/>
    </row>
    <row r="286" spans="1:18" ht="22.7" customHeight="1" x14ac:dyDescent="0.15">
      <c r="A286" s="121"/>
      <c r="B286" s="283" t="s">
        <v>151</v>
      </c>
      <c r="C286" s="284"/>
      <c r="D286" s="284"/>
      <c r="E286" s="124"/>
      <c r="F286" s="283"/>
      <c r="G286" s="284"/>
      <c r="H286" s="284"/>
      <c r="I286" s="284"/>
      <c r="J286" s="284"/>
      <c r="K286" s="286"/>
      <c r="L286" s="117"/>
      <c r="M286" s="117"/>
      <c r="N286" s="117"/>
      <c r="O286" s="117"/>
      <c r="P286" s="117"/>
      <c r="Q286" s="117"/>
      <c r="R286" s="117"/>
    </row>
    <row r="287" spans="1:18" ht="22.7" customHeight="1" x14ac:dyDescent="0.15">
      <c r="A287" s="121"/>
      <c r="B287" s="287" t="s">
        <v>222</v>
      </c>
      <c r="C287" s="288"/>
      <c r="D287" s="289"/>
      <c r="E287" s="124"/>
      <c r="F287" s="283"/>
      <c r="G287" s="284"/>
      <c r="H287" s="284"/>
      <c r="I287" s="284"/>
      <c r="J287" s="284"/>
      <c r="K287" s="286"/>
      <c r="L287" s="117"/>
      <c r="M287" s="117"/>
      <c r="N287" s="117"/>
      <c r="O287" s="117"/>
      <c r="P287" s="117"/>
      <c r="Q287" s="117"/>
      <c r="R287" s="117"/>
    </row>
    <row r="288" spans="1:18" ht="22.7" customHeight="1" x14ac:dyDescent="0.15">
      <c r="A288" s="121"/>
      <c r="B288" s="287" t="s">
        <v>223</v>
      </c>
      <c r="C288" s="288"/>
      <c r="D288" s="289"/>
      <c r="E288" s="124"/>
      <c r="F288" s="283"/>
      <c r="G288" s="284"/>
      <c r="H288" s="284"/>
      <c r="I288" s="284"/>
      <c r="J288" s="284"/>
      <c r="K288" s="286"/>
      <c r="L288" s="117"/>
      <c r="M288" s="117"/>
      <c r="N288" s="117"/>
      <c r="O288" s="117"/>
      <c r="P288" s="117"/>
      <c r="Q288" s="117"/>
      <c r="R288" s="117"/>
    </row>
    <row r="289" spans="1:18" ht="27.2" customHeight="1" x14ac:dyDescent="0.15">
      <c r="A289" s="121"/>
      <c r="B289" s="287" t="s">
        <v>224</v>
      </c>
      <c r="C289" s="288"/>
      <c r="D289" s="289"/>
      <c r="E289" s="124"/>
      <c r="F289" s="283"/>
      <c r="G289" s="284"/>
      <c r="H289" s="284"/>
      <c r="I289" s="284"/>
      <c r="J289" s="284"/>
      <c r="K289" s="286"/>
      <c r="L289" s="117"/>
      <c r="M289" s="117"/>
      <c r="N289" s="117"/>
      <c r="O289" s="117"/>
      <c r="P289" s="117"/>
      <c r="Q289" s="117"/>
      <c r="R289" s="117"/>
    </row>
    <row r="290" spans="1:18" ht="22.7" customHeight="1" x14ac:dyDescent="0.15">
      <c r="A290" s="121"/>
      <c r="B290" s="287" t="s">
        <v>225</v>
      </c>
      <c r="C290" s="288"/>
      <c r="D290" s="289"/>
      <c r="E290" s="124"/>
      <c r="F290" s="283"/>
      <c r="G290" s="284"/>
      <c r="H290" s="284"/>
      <c r="I290" s="284"/>
      <c r="J290" s="284"/>
      <c r="K290" s="286"/>
      <c r="L290" s="117"/>
      <c r="M290" s="117"/>
      <c r="N290" s="117"/>
      <c r="O290" s="117"/>
      <c r="P290" s="117"/>
      <c r="Q290" s="117"/>
      <c r="R290" s="117"/>
    </row>
    <row r="291" spans="1:18" ht="22.7" customHeight="1" x14ac:dyDescent="0.15">
      <c r="A291" s="121"/>
      <c r="B291" s="287" t="s">
        <v>226</v>
      </c>
      <c r="C291" s="288"/>
      <c r="D291" s="289"/>
      <c r="E291" s="124"/>
      <c r="F291" s="283"/>
      <c r="G291" s="284"/>
      <c r="H291" s="284"/>
      <c r="I291" s="284"/>
      <c r="J291" s="284"/>
      <c r="K291" s="286"/>
      <c r="L291" s="117"/>
      <c r="M291" s="117"/>
      <c r="N291" s="117"/>
      <c r="O291" s="117"/>
      <c r="P291" s="117"/>
      <c r="Q291" s="117"/>
      <c r="R291" s="117"/>
    </row>
    <row r="292" spans="1:18" ht="22.7" customHeight="1" x14ac:dyDescent="0.15">
      <c r="A292" s="121"/>
      <c r="B292" s="287" t="s">
        <v>227</v>
      </c>
      <c r="C292" s="288"/>
      <c r="D292" s="289"/>
      <c r="E292" s="124"/>
      <c r="F292" s="283"/>
      <c r="G292" s="284"/>
      <c r="H292" s="284"/>
      <c r="I292" s="284"/>
      <c r="J292" s="284"/>
      <c r="K292" s="286"/>
      <c r="L292" s="117"/>
      <c r="M292" s="117"/>
      <c r="N292" s="117"/>
      <c r="O292" s="117"/>
      <c r="P292" s="117"/>
      <c r="Q292" s="117"/>
      <c r="R292" s="117"/>
    </row>
    <row r="293" spans="1:18" ht="22.7" customHeight="1" x14ac:dyDescent="0.15">
      <c r="A293" s="121"/>
      <c r="B293" s="287" t="s">
        <v>228</v>
      </c>
      <c r="C293" s="288"/>
      <c r="D293" s="289"/>
      <c r="E293" s="124"/>
      <c r="F293" s="283"/>
      <c r="G293" s="284"/>
      <c r="H293" s="284"/>
      <c r="I293" s="284"/>
      <c r="J293" s="284"/>
      <c r="K293" s="286"/>
      <c r="L293" s="117"/>
      <c r="M293" s="117"/>
      <c r="N293" s="117"/>
      <c r="O293" s="117"/>
      <c r="P293" s="117"/>
      <c r="Q293" s="117"/>
      <c r="R293" s="117"/>
    </row>
    <row r="294" spans="1:18" ht="22.7" customHeight="1" x14ac:dyDescent="0.15">
      <c r="A294" s="121"/>
      <c r="B294" s="287" t="s">
        <v>230</v>
      </c>
      <c r="C294" s="288"/>
      <c r="D294" s="289"/>
      <c r="E294" s="124"/>
      <c r="F294" s="283"/>
      <c r="G294" s="284"/>
      <c r="H294" s="284"/>
      <c r="I294" s="284"/>
      <c r="J294" s="284"/>
      <c r="K294" s="286"/>
      <c r="L294" s="117"/>
      <c r="M294" s="117"/>
      <c r="N294" s="117"/>
      <c r="O294" s="117"/>
      <c r="P294" s="117"/>
      <c r="Q294" s="117"/>
      <c r="R294" s="117"/>
    </row>
    <row r="295" spans="1:18" s="70" customFormat="1" ht="22.7" customHeight="1" x14ac:dyDescent="0.15">
      <c r="A295" s="121"/>
      <c r="B295" s="283" t="s">
        <v>229</v>
      </c>
      <c r="C295" s="284"/>
      <c r="D295" s="284"/>
      <c r="E295" s="124"/>
      <c r="F295" s="283"/>
      <c r="G295" s="284"/>
      <c r="H295" s="284"/>
      <c r="I295" s="284"/>
      <c r="J295" s="284"/>
      <c r="K295" s="286"/>
      <c r="L295" s="117"/>
      <c r="M295" s="117"/>
      <c r="N295" s="117"/>
      <c r="O295" s="117"/>
      <c r="P295" s="117"/>
      <c r="Q295" s="117"/>
      <c r="R295" s="117"/>
    </row>
    <row r="296" spans="1:18" s="70" customFormat="1" ht="22.7" customHeight="1" x14ac:dyDescent="0.15">
      <c r="A296" s="121"/>
      <c r="B296" s="283"/>
      <c r="C296" s="284"/>
      <c r="D296" s="284"/>
      <c r="E296" s="124"/>
      <c r="F296" s="283"/>
      <c r="G296" s="284"/>
      <c r="H296" s="284"/>
      <c r="I296" s="284"/>
      <c r="J296" s="284"/>
      <c r="K296" s="286"/>
      <c r="L296" s="117"/>
      <c r="M296" s="117"/>
      <c r="N296" s="117"/>
      <c r="O296" s="117"/>
      <c r="P296" s="117"/>
      <c r="Q296" s="117"/>
      <c r="R296" s="117"/>
    </row>
    <row r="297" spans="1:18" s="70" customFormat="1" ht="22.7" customHeight="1" x14ac:dyDescent="0.15">
      <c r="A297" s="121"/>
      <c r="B297" s="283"/>
      <c r="C297" s="284"/>
      <c r="D297" s="284"/>
      <c r="E297" s="124"/>
      <c r="F297" s="283"/>
      <c r="G297" s="284"/>
      <c r="H297" s="284"/>
      <c r="I297" s="284"/>
      <c r="J297" s="284"/>
      <c r="K297" s="286"/>
      <c r="L297" s="117"/>
      <c r="M297" s="117"/>
      <c r="N297" s="117"/>
      <c r="O297" s="117"/>
      <c r="P297" s="117"/>
      <c r="Q297" s="117"/>
      <c r="R297" s="117"/>
    </row>
    <row r="298" spans="1:18" s="70" customFormat="1" ht="22.7" customHeight="1" x14ac:dyDescent="0.15">
      <c r="A298" s="121"/>
      <c r="B298" s="283"/>
      <c r="C298" s="284"/>
      <c r="D298" s="284"/>
      <c r="E298" s="124"/>
      <c r="F298" s="283"/>
      <c r="G298" s="284"/>
      <c r="H298" s="284"/>
      <c r="I298" s="284"/>
      <c r="J298" s="284"/>
      <c r="K298" s="286"/>
      <c r="L298" s="117"/>
      <c r="M298" s="117"/>
      <c r="N298" s="117"/>
      <c r="O298" s="117"/>
      <c r="P298" s="117"/>
      <c r="Q298" s="117"/>
      <c r="R298" s="117"/>
    </row>
    <row r="299" spans="1:18" s="70" customFormat="1" ht="22.7" customHeight="1" x14ac:dyDescent="0.15">
      <c r="A299" s="121"/>
      <c r="B299" s="283"/>
      <c r="C299" s="284"/>
      <c r="D299" s="284"/>
      <c r="E299" s="124"/>
      <c r="F299" s="283"/>
      <c r="G299" s="284"/>
      <c r="H299" s="284"/>
      <c r="I299" s="284"/>
      <c r="J299" s="284"/>
      <c r="K299" s="286"/>
      <c r="L299" s="117"/>
      <c r="M299" s="117"/>
      <c r="N299" s="117"/>
      <c r="O299" s="117"/>
      <c r="P299" s="117"/>
      <c r="Q299" s="117"/>
      <c r="R299" s="117"/>
    </row>
    <row r="300" spans="1:18" ht="22.7" customHeight="1" x14ac:dyDescent="0.15">
      <c r="A300" s="121"/>
      <c r="B300" s="283"/>
      <c r="C300" s="284"/>
      <c r="D300" s="284"/>
      <c r="E300" s="124"/>
      <c r="F300" s="283"/>
      <c r="G300" s="284"/>
      <c r="H300" s="284"/>
      <c r="I300" s="284"/>
      <c r="J300" s="284"/>
      <c r="K300" s="286"/>
      <c r="L300" s="117"/>
      <c r="M300" s="117"/>
      <c r="N300" s="117"/>
      <c r="O300" s="117"/>
      <c r="P300" s="117"/>
      <c r="Q300" s="117"/>
      <c r="R300" s="117"/>
    </row>
    <row r="301" spans="1:18" ht="22.7" customHeight="1" thickBot="1" x14ac:dyDescent="0.2">
      <c r="A301" s="122"/>
      <c r="B301" s="290"/>
      <c r="C301" s="291"/>
      <c r="D301" s="291"/>
      <c r="E301" s="125"/>
      <c r="F301" s="290"/>
      <c r="G301" s="291"/>
      <c r="H301" s="291"/>
      <c r="I301" s="291"/>
      <c r="J301" s="291"/>
      <c r="K301" s="320"/>
      <c r="L301" s="117"/>
      <c r="M301" s="117"/>
      <c r="N301" s="117"/>
      <c r="O301" s="117"/>
      <c r="P301" s="117"/>
      <c r="Q301" s="117"/>
      <c r="R301" s="117"/>
    </row>
    <row r="302" spans="1:18" s="70" customFormat="1" ht="22.7" customHeight="1" thickBot="1" x14ac:dyDescent="0.2">
      <c r="A302" s="127" t="s">
        <v>231</v>
      </c>
      <c r="B302" s="118"/>
      <c r="C302" s="126"/>
      <c r="D302" s="126"/>
      <c r="E302" s="126"/>
      <c r="F302" s="118"/>
      <c r="G302" s="126"/>
      <c r="H302" s="126"/>
      <c r="I302" s="126"/>
      <c r="J302" s="126"/>
      <c r="K302" s="126"/>
      <c r="L302" s="117"/>
      <c r="M302" s="117"/>
      <c r="N302" s="117"/>
      <c r="O302" s="117"/>
      <c r="P302" s="117"/>
      <c r="Q302" s="117"/>
      <c r="R302" s="117"/>
    </row>
    <row r="303" spans="1:18" s="70" customFormat="1" ht="22.7" customHeight="1" x14ac:dyDescent="0.15">
      <c r="A303" s="127"/>
      <c r="B303" s="128" t="s">
        <v>242</v>
      </c>
      <c r="C303" s="129"/>
      <c r="D303" s="129"/>
      <c r="E303" s="129"/>
      <c r="F303" s="130"/>
      <c r="G303" s="129"/>
      <c r="H303" s="129"/>
      <c r="I303" s="129"/>
      <c r="J303" s="131"/>
      <c r="K303" s="126"/>
      <c r="L303" s="117"/>
      <c r="M303" s="117"/>
      <c r="N303" s="117"/>
      <c r="O303" s="117"/>
      <c r="P303" s="117"/>
      <c r="Q303" s="117"/>
      <c r="R303" s="117"/>
    </row>
    <row r="304" spans="1:18" s="70" customFormat="1" ht="22.7" customHeight="1" x14ac:dyDescent="0.15">
      <c r="A304" s="127"/>
      <c r="B304" s="132"/>
      <c r="C304" s="1"/>
      <c r="D304" s="1"/>
      <c r="E304" s="1"/>
      <c r="F304" s="127"/>
      <c r="G304" s="1"/>
      <c r="H304" s="1"/>
      <c r="I304" s="1"/>
      <c r="J304" s="133"/>
      <c r="K304" s="126"/>
      <c r="L304" s="117"/>
      <c r="M304" s="117"/>
      <c r="N304" s="117"/>
      <c r="O304" s="117"/>
      <c r="P304" s="117"/>
      <c r="Q304" s="117"/>
      <c r="R304" s="117"/>
    </row>
    <row r="305" spans="1:18" s="70" customFormat="1" ht="22.7" customHeight="1" x14ac:dyDescent="0.15">
      <c r="A305" s="127"/>
      <c r="B305" s="132"/>
      <c r="C305" s="1"/>
      <c r="D305" s="1"/>
      <c r="E305" s="1"/>
      <c r="F305" s="127"/>
      <c r="G305" s="1"/>
      <c r="H305" s="1"/>
      <c r="I305" s="1"/>
      <c r="J305" s="133"/>
      <c r="K305" s="126"/>
      <c r="L305" s="117"/>
      <c r="M305" s="117"/>
      <c r="N305" s="117"/>
      <c r="O305" s="117"/>
      <c r="P305" s="117"/>
      <c r="Q305" s="117"/>
      <c r="R305" s="117"/>
    </row>
    <row r="306" spans="1:18" s="70" customFormat="1" ht="22.7" customHeight="1" x14ac:dyDescent="0.15">
      <c r="A306" s="119"/>
      <c r="B306" s="132" t="s">
        <v>243</v>
      </c>
      <c r="C306" s="1"/>
      <c r="D306" s="1"/>
      <c r="E306" s="1"/>
      <c r="F306" s="127"/>
      <c r="G306" s="1"/>
      <c r="H306" s="1"/>
      <c r="I306" s="1"/>
      <c r="J306" s="133"/>
      <c r="K306" s="126"/>
      <c r="L306" s="117"/>
      <c r="M306" s="117"/>
      <c r="N306" s="117"/>
      <c r="O306" s="117"/>
      <c r="P306" s="117"/>
      <c r="Q306" s="117"/>
      <c r="R306" s="117"/>
    </row>
    <row r="307" spans="1:18" s="70" customFormat="1" ht="22.7" customHeight="1" x14ac:dyDescent="0.15">
      <c r="A307" s="119"/>
      <c r="B307" s="132"/>
      <c r="C307" s="1"/>
      <c r="D307" s="1"/>
      <c r="E307" s="1"/>
      <c r="F307" s="127"/>
      <c r="G307" s="1"/>
      <c r="H307" s="1"/>
      <c r="I307" s="1"/>
      <c r="J307" s="133"/>
      <c r="K307" s="126"/>
      <c r="L307" s="117"/>
      <c r="M307" s="117"/>
      <c r="N307" s="117"/>
      <c r="O307" s="117"/>
      <c r="P307" s="117"/>
      <c r="Q307" s="117"/>
      <c r="R307" s="117"/>
    </row>
    <row r="308" spans="1:18" s="70" customFormat="1" ht="22.7" customHeight="1" thickBot="1" x14ac:dyDescent="0.2">
      <c r="A308" s="119"/>
      <c r="B308" s="134"/>
      <c r="C308" s="87"/>
      <c r="D308" s="87"/>
      <c r="E308" s="87"/>
      <c r="F308" s="135"/>
      <c r="G308" s="87"/>
      <c r="H308" s="87"/>
      <c r="I308" s="87"/>
      <c r="J308" s="89"/>
      <c r="K308" s="126"/>
      <c r="L308" s="117"/>
      <c r="M308" s="117"/>
      <c r="N308" s="117"/>
      <c r="O308" s="117"/>
      <c r="P308" s="117"/>
      <c r="Q308" s="117"/>
      <c r="R308" s="117"/>
    </row>
    <row r="309" spans="1:18" ht="23.25" customHeight="1" x14ac:dyDescent="0.15">
      <c r="A309" s="136" t="s">
        <v>152</v>
      </c>
      <c r="B309" s="105"/>
      <c r="C309" s="105"/>
      <c r="D309" s="105"/>
      <c r="E309" s="117"/>
      <c r="F309" s="117"/>
      <c r="G309" s="117"/>
      <c r="H309" s="117"/>
      <c r="I309" s="117"/>
      <c r="J309" s="117"/>
      <c r="K309" s="117"/>
    </row>
    <row r="310" spans="1:18" ht="22.7" customHeight="1" x14ac:dyDescent="0.15">
      <c r="A310" s="138" t="s">
        <v>153</v>
      </c>
      <c r="B310" s="105"/>
      <c r="C310" s="105"/>
      <c r="D310" s="105"/>
      <c r="E310" s="117"/>
      <c r="F310" s="117"/>
      <c r="G310" s="117"/>
      <c r="H310" s="173" t="s">
        <v>280</v>
      </c>
      <c r="I310" s="173"/>
      <c r="J310" s="117"/>
      <c r="K310" s="117"/>
    </row>
    <row r="311" spans="1:18" ht="26.45" customHeight="1" x14ac:dyDescent="0.15">
      <c r="A311" s="138" t="s">
        <v>154</v>
      </c>
      <c r="B311" s="105"/>
      <c r="C311" s="105"/>
      <c r="D311" s="105"/>
      <c r="E311" s="117"/>
      <c r="F311" s="117"/>
      <c r="G311" s="117"/>
      <c r="H311" s="117"/>
      <c r="I311" s="117"/>
      <c r="J311" s="117"/>
      <c r="K311" s="117"/>
    </row>
    <row r="312" spans="1:18" ht="26.45" customHeight="1" x14ac:dyDescent="0.15">
      <c r="A312" s="138"/>
      <c r="B312" s="105"/>
      <c r="C312" s="105"/>
      <c r="D312" s="105"/>
      <c r="E312" s="117"/>
      <c r="F312" s="117"/>
      <c r="G312" s="117"/>
      <c r="H312" s="117"/>
      <c r="I312" s="117"/>
      <c r="J312" s="117"/>
      <c r="K312" s="117"/>
    </row>
    <row r="313" spans="1:18" ht="26.45" customHeight="1" x14ac:dyDescent="0.15">
      <c r="A313" s="138"/>
      <c r="B313" s="105"/>
      <c r="C313" s="105"/>
      <c r="D313" s="105"/>
      <c r="E313" s="117"/>
      <c r="F313" s="117"/>
      <c r="G313" s="117"/>
      <c r="H313" s="117"/>
      <c r="I313" s="117"/>
      <c r="J313" s="117"/>
      <c r="K313" s="117"/>
    </row>
    <row r="314" spans="1:18" ht="26.45" customHeight="1" x14ac:dyDescent="0.15">
      <c r="A314" s="138"/>
      <c r="B314" s="105"/>
      <c r="C314" s="105"/>
      <c r="D314" s="105"/>
      <c r="E314" s="117"/>
      <c r="F314" s="117"/>
      <c r="G314" s="117"/>
      <c r="H314" s="117"/>
      <c r="I314" s="117"/>
      <c r="J314" s="117"/>
      <c r="K314" s="117"/>
    </row>
    <row r="315" spans="1:18" ht="26.45" customHeight="1" x14ac:dyDescent="0.15">
      <c r="A315" s="138" t="s">
        <v>155</v>
      </c>
      <c r="B315" s="105"/>
      <c r="C315" s="105"/>
      <c r="D315" s="105"/>
      <c r="E315" s="117"/>
      <c r="F315" s="117"/>
      <c r="G315" s="117"/>
      <c r="H315" s="117"/>
      <c r="I315" s="117"/>
      <c r="J315" s="117"/>
      <c r="K315" s="117"/>
    </row>
    <row r="316" spans="1:18" ht="26.45" customHeight="1" x14ac:dyDescent="0.15">
      <c r="A316" s="138"/>
      <c r="B316" s="105"/>
      <c r="C316" s="105"/>
      <c r="D316" s="105"/>
      <c r="E316" s="117"/>
      <c r="F316" s="117"/>
      <c r="G316" s="117"/>
      <c r="H316" s="117"/>
      <c r="I316" s="117"/>
      <c r="J316" s="117"/>
      <c r="K316" s="117"/>
    </row>
    <row r="317" spans="1:18" ht="26.45" customHeight="1" x14ac:dyDescent="0.15">
      <c r="A317" s="138"/>
      <c r="B317" s="105"/>
      <c r="C317" s="105"/>
      <c r="D317" s="105"/>
      <c r="E317" s="117"/>
      <c r="F317" s="117"/>
      <c r="G317" s="117"/>
      <c r="H317" s="117"/>
      <c r="I317" s="117"/>
      <c r="J317" s="117"/>
      <c r="K317" s="117"/>
    </row>
    <row r="318" spans="1:18" ht="26.45" customHeight="1" x14ac:dyDescent="0.15">
      <c r="A318" s="138"/>
      <c r="B318" s="105"/>
      <c r="C318" s="105"/>
      <c r="D318" s="105"/>
      <c r="E318" s="117"/>
      <c r="F318" s="117"/>
      <c r="G318" s="117"/>
      <c r="H318" s="117"/>
      <c r="I318" s="117"/>
      <c r="J318" s="117"/>
      <c r="K318" s="117"/>
    </row>
    <row r="319" spans="1:18" ht="26.45" customHeight="1" x14ac:dyDescent="0.15">
      <c r="A319" s="138" t="s">
        <v>156</v>
      </c>
      <c r="B319" s="105"/>
      <c r="C319" s="105"/>
      <c r="D319" s="105"/>
      <c r="E319" s="117"/>
      <c r="F319" s="117"/>
      <c r="G319" s="117"/>
      <c r="H319" s="117"/>
      <c r="I319" s="117"/>
      <c r="J319" s="117"/>
      <c r="K319" s="117"/>
    </row>
    <row r="320" spans="1:18" ht="26.45" customHeight="1" x14ac:dyDescent="0.15">
      <c r="A320" s="138"/>
      <c r="B320" s="105"/>
      <c r="C320" s="105"/>
      <c r="D320" s="105"/>
      <c r="E320" s="117"/>
      <c r="F320" s="117"/>
      <c r="G320" s="117"/>
      <c r="H320" s="117"/>
      <c r="I320" s="117"/>
      <c r="J320" s="117"/>
      <c r="K320" s="117"/>
    </row>
    <row r="321" spans="1:11" ht="26.45" customHeight="1" x14ac:dyDescent="0.15">
      <c r="A321" s="138"/>
      <c r="B321" s="105"/>
      <c r="C321" s="105"/>
      <c r="D321" s="105"/>
      <c r="E321" s="117"/>
      <c r="F321" s="117"/>
      <c r="G321" s="117"/>
      <c r="H321" s="117"/>
      <c r="I321" s="117"/>
      <c r="J321" s="117"/>
      <c r="K321" s="117"/>
    </row>
    <row r="322" spans="1:11" ht="26.45" customHeight="1" x14ac:dyDescent="0.15">
      <c r="A322" s="138"/>
      <c r="B322" s="105"/>
      <c r="C322" s="105"/>
      <c r="D322" s="105"/>
      <c r="E322" s="117"/>
      <c r="F322" s="117"/>
      <c r="G322" s="117"/>
      <c r="H322" s="117"/>
      <c r="I322" s="117"/>
      <c r="J322" s="117"/>
      <c r="K322" s="117"/>
    </row>
    <row r="323" spans="1:11" ht="26.45" customHeight="1" x14ac:dyDescent="0.15">
      <c r="A323" s="138" t="s">
        <v>157</v>
      </c>
      <c r="B323" s="105"/>
      <c r="C323" s="105"/>
      <c r="D323" s="105"/>
      <c r="E323" s="117"/>
      <c r="F323" s="117"/>
      <c r="G323" s="117"/>
      <c r="H323" s="117"/>
      <c r="I323" s="117"/>
      <c r="J323" s="117"/>
      <c r="K323" s="117"/>
    </row>
    <row r="324" spans="1:11" ht="26.45" customHeight="1" x14ac:dyDescent="0.15">
      <c r="A324" s="138"/>
      <c r="B324" s="105"/>
      <c r="C324" s="105"/>
      <c r="D324" s="105"/>
      <c r="E324" s="117"/>
      <c r="F324" s="117"/>
      <c r="G324" s="117"/>
      <c r="H324" s="117"/>
      <c r="I324" s="117"/>
      <c r="J324" s="117"/>
      <c r="K324" s="117"/>
    </row>
    <row r="325" spans="1:11" ht="26.45" customHeight="1" x14ac:dyDescent="0.15">
      <c r="A325" s="138"/>
      <c r="B325" s="105"/>
      <c r="C325" s="105"/>
      <c r="D325" s="105"/>
      <c r="E325" s="117"/>
      <c r="F325" s="117"/>
      <c r="G325" s="117"/>
      <c r="H325" s="117"/>
      <c r="I325" s="117"/>
      <c r="J325" s="117"/>
      <c r="K325" s="117"/>
    </row>
    <row r="326" spans="1:11" ht="26.45" customHeight="1" x14ac:dyDescent="0.15">
      <c r="A326" s="138"/>
      <c r="B326" s="105"/>
      <c r="C326" s="105"/>
      <c r="D326" s="105"/>
      <c r="E326" s="117"/>
      <c r="F326" s="117"/>
      <c r="G326" s="117"/>
      <c r="H326" s="117"/>
      <c r="I326" s="117"/>
      <c r="J326" s="117"/>
      <c r="K326" s="117"/>
    </row>
    <row r="327" spans="1:11" ht="26.45" customHeight="1" x14ac:dyDescent="0.15">
      <c r="A327" s="138" t="s">
        <v>158</v>
      </c>
      <c r="B327" s="105"/>
      <c r="C327" s="105"/>
      <c r="D327" s="105"/>
      <c r="E327" s="117"/>
      <c r="F327" s="117"/>
      <c r="G327" s="117"/>
      <c r="H327" s="117"/>
      <c r="I327" s="117"/>
      <c r="J327" s="117"/>
      <c r="K327" s="117"/>
    </row>
    <row r="328" spans="1:11" ht="26.45" customHeight="1" x14ac:dyDescent="0.15">
      <c r="A328" s="138"/>
      <c r="B328" s="105"/>
      <c r="C328" s="105"/>
      <c r="D328" s="105"/>
      <c r="E328" s="117"/>
      <c r="F328" s="117"/>
      <c r="G328" s="117"/>
      <c r="H328" s="117"/>
      <c r="I328" s="117"/>
      <c r="J328" s="117"/>
      <c r="K328" s="117"/>
    </row>
    <row r="329" spans="1:11" ht="26.45" customHeight="1" x14ac:dyDescent="0.15">
      <c r="A329" s="138"/>
      <c r="B329" s="105"/>
      <c r="C329" s="105"/>
      <c r="D329" s="105"/>
      <c r="E329" s="117"/>
      <c r="F329" s="117"/>
      <c r="G329" s="117"/>
      <c r="H329" s="117"/>
      <c r="I329" s="117"/>
      <c r="J329" s="117"/>
      <c r="K329" s="117"/>
    </row>
    <row r="330" spans="1:11" ht="26.45" customHeight="1" x14ac:dyDescent="0.15">
      <c r="A330" s="138"/>
      <c r="B330" s="105"/>
      <c r="C330" s="105"/>
      <c r="D330" s="105"/>
      <c r="E330" s="117"/>
      <c r="F330" s="117"/>
      <c r="G330" s="117"/>
      <c r="H330" s="117"/>
      <c r="I330" s="117"/>
      <c r="J330" s="117"/>
      <c r="K330" s="117"/>
    </row>
    <row r="331" spans="1:11" ht="26.45" customHeight="1" x14ac:dyDescent="0.15">
      <c r="A331" s="138" t="s">
        <v>159</v>
      </c>
      <c r="B331" s="105"/>
      <c r="C331" s="105"/>
      <c r="D331" s="105"/>
      <c r="E331" s="117"/>
      <c r="F331" s="117"/>
      <c r="G331" s="117"/>
      <c r="H331" s="117"/>
      <c r="I331" s="117"/>
      <c r="J331" s="117"/>
      <c r="K331" s="117"/>
    </row>
    <row r="332" spans="1:11" ht="26.45" customHeight="1" x14ac:dyDescent="0.15">
      <c r="A332" s="138"/>
      <c r="B332" s="105"/>
      <c r="C332" s="105"/>
      <c r="D332" s="105"/>
      <c r="E332" s="117"/>
      <c r="F332" s="117"/>
      <c r="G332" s="117"/>
      <c r="H332" s="117"/>
      <c r="I332" s="117"/>
      <c r="J332" s="117"/>
      <c r="K332" s="117"/>
    </row>
    <row r="333" spans="1:11" ht="26.45" customHeight="1" x14ac:dyDescent="0.15">
      <c r="A333" s="138"/>
      <c r="B333" s="105"/>
      <c r="C333" s="105"/>
      <c r="D333" s="105"/>
      <c r="E333" s="117"/>
      <c r="F333" s="117"/>
      <c r="G333" s="117"/>
      <c r="H333" s="117"/>
      <c r="I333" s="117"/>
      <c r="J333" s="117"/>
      <c r="K333" s="117"/>
    </row>
    <row r="334" spans="1:11" ht="26.45" customHeight="1" x14ac:dyDescent="0.15">
      <c r="A334" s="138"/>
      <c r="B334" s="105"/>
      <c r="C334" s="105"/>
      <c r="D334" s="105"/>
      <c r="E334" s="117"/>
      <c r="F334" s="117"/>
      <c r="G334" s="117"/>
      <c r="H334" s="117"/>
      <c r="I334" s="117"/>
      <c r="J334" s="117"/>
      <c r="K334" s="117"/>
    </row>
    <row r="335" spans="1:11" s="70" customFormat="1" ht="26.45" customHeight="1" x14ac:dyDescent="0.15">
      <c r="A335" s="138"/>
      <c r="B335" s="105"/>
      <c r="C335" s="105"/>
      <c r="D335" s="105"/>
      <c r="E335" s="117"/>
      <c r="F335" s="117"/>
      <c r="G335" s="117"/>
      <c r="H335" s="117"/>
      <c r="I335" s="117"/>
      <c r="J335" s="117"/>
      <c r="K335" s="117"/>
    </row>
    <row r="336" spans="1:11" s="70" customFormat="1" ht="26.45" customHeight="1" x14ac:dyDescent="0.15">
      <c r="A336" s="138"/>
      <c r="B336" s="105"/>
      <c r="C336" s="105"/>
      <c r="D336" s="105"/>
      <c r="E336" s="117"/>
      <c r="F336" s="117"/>
      <c r="G336" s="117"/>
      <c r="H336" s="117"/>
      <c r="I336" s="117"/>
      <c r="J336" s="117"/>
      <c r="K336" s="117"/>
    </row>
    <row r="337" spans="1:11" s="70" customFormat="1" ht="26.45" customHeight="1" x14ac:dyDescent="0.15">
      <c r="A337" s="138"/>
      <c r="B337" s="105"/>
      <c r="C337" s="105"/>
      <c r="D337" s="105"/>
      <c r="E337" s="117"/>
      <c r="F337" s="117"/>
      <c r="G337" s="117"/>
      <c r="H337" s="117"/>
      <c r="I337" s="117"/>
      <c r="J337" s="117"/>
      <c r="K337" s="117"/>
    </row>
    <row r="338" spans="1:11" s="70" customFormat="1" ht="26.45" customHeight="1" x14ac:dyDescent="0.15">
      <c r="A338" s="138"/>
      <c r="B338" s="105"/>
      <c r="C338" s="105"/>
      <c r="D338" s="105"/>
      <c r="E338" s="117"/>
      <c r="F338" s="117"/>
      <c r="G338" s="117"/>
      <c r="H338" s="117"/>
      <c r="I338" s="117"/>
      <c r="J338" s="117"/>
      <c r="K338" s="117"/>
    </row>
    <row r="339" spans="1:11" s="70" customFormat="1" ht="26.45" customHeight="1" x14ac:dyDescent="0.15">
      <c r="A339" s="138"/>
      <c r="B339" s="105"/>
      <c r="C339" s="105"/>
      <c r="D339" s="105"/>
      <c r="E339" s="117"/>
      <c r="F339" s="117"/>
      <c r="G339" s="117"/>
      <c r="H339" s="117"/>
      <c r="I339" s="117"/>
      <c r="J339" s="117"/>
      <c r="K339" s="117"/>
    </row>
    <row r="340" spans="1:11" s="70" customFormat="1" ht="26.45" customHeight="1" x14ac:dyDescent="0.15">
      <c r="A340" s="138"/>
      <c r="B340" s="105"/>
      <c r="C340" s="105"/>
      <c r="D340" s="105"/>
      <c r="E340" s="117"/>
      <c r="F340" s="117"/>
      <c r="G340" s="117"/>
      <c r="H340" s="117"/>
      <c r="I340" s="117"/>
      <c r="J340" s="117"/>
      <c r="K340" s="117"/>
    </row>
    <row r="341" spans="1:11" ht="22.7" customHeight="1" x14ac:dyDescent="0.15">
      <c r="A341" s="136" t="s">
        <v>160</v>
      </c>
      <c r="B341" s="105"/>
      <c r="C341" s="105"/>
      <c r="D341" s="105"/>
      <c r="E341" s="117"/>
      <c r="F341" s="117"/>
      <c r="G341" s="117"/>
      <c r="H341" s="117"/>
      <c r="I341" s="117"/>
      <c r="J341" s="117"/>
      <c r="K341" s="117"/>
    </row>
    <row r="342" spans="1:11" ht="21" x14ac:dyDescent="0.15">
      <c r="A342" s="139"/>
      <c r="B342" s="105"/>
      <c r="C342" s="105"/>
      <c r="D342" s="105"/>
      <c r="E342" s="117"/>
      <c r="F342" s="117"/>
      <c r="G342" s="117"/>
      <c r="H342" s="117"/>
      <c r="I342" s="117"/>
      <c r="J342" s="117"/>
      <c r="K342" s="117"/>
    </row>
    <row r="343" spans="1:11" ht="31.7" customHeight="1" x14ac:dyDescent="0.15">
      <c r="A343" s="138" t="s">
        <v>161</v>
      </c>
      <c r="B343" s="105"/>
      <c r="C343" s="105"/>
      <c r="D343" s="105"/>
      <c r="E343" s="117"/>
      <c r="F343" s="117"/>
      <c r="G343" s="117"/>
      <c r="H343" s="117"/>
      <c r="I343" s="117"/>
      <c r="J343" s="117"/>
      <c r="K343" s="117"/>
    </row>
    <row r="344" spans="1:11" ht="31.7" customHeight="1" x14ac:dyDescent="0.15">
      <c r="A344" s="138"/>
      <c r="B344" s="105"/>
      <c r="C344" s="105"/>
      <c r="D344" s="105"/>
      <c r="E344" s="117"/>
      <c r="F344" s="117"/>
      <c r="G344" s="117"/>
      <c r="H344" s="117"/>
      <c r="I344" s="117"/>
      <c r="J344" s="117"/>
      <c r="K344" s="117"/>
    </row>
    <row r="345" spans="1:11" ht="31.7" customHeight="1" x14ac:dyDescent="0.15">
      <c r="A345" s="138"/>
      <c r="B345" s="105"/>
      <c r="C345" s="105"/>
      <c r="D345" s="105"/>
      <c r="E345" s="117"/>
      <c r="F345" s="117"/>
      <c r="G345" s="117"/>
      <c r="H345" s="117"/>
      <c r="I345" s="117"/>
      <c r="J345" s="117"/>
      <c r="K345" s="117"/>
    </row>
    <row r="346" spans="1:11" ht="31.7" customHeight="1" x14ac:dyDescent="0.15">
      <c r="A346" s="138"/>
      <c r="B346" s="105"/>
      <c r="C346" s="105"/>
      <c r="D346" s="105"/>
      <c r="E346" s="117"/>
      <c r="F346" s="117"/>
      <c r="G346" s="117"/>
      <c r="H346" s="117"/>
      <c r="I346" s="117"/>
      <c r="J346" s="117"/>
      <c r="K346" s="117"/>
    </row>
    <row r="347" spans="1:11" ht="31.7" customHeight="1" x14ac:dyDescent="0.15">
      <c r="A347" s="138"/>
      <c r="B347" s="105"/>
      <c r="C347" s="105"/>
      <c r="D347" s="105"/>
      <c r="E347" s="117"/>
      <c r="F347" s="117"/>
      <c r="G347" s="117"/>
      <c r="H347" s="117"/>
      <c r="I347" s="117"/>
      <c r="J347" s="117"/>
      <c r="K347" s="117"/>
    </row>
    <row r="348" spans="1:11" ht="31.7" customHeight="1" x14ac:dyDescent="0.15">
      <c r="A348" s="138"/>
      <c r="B348" s="105"/>
      <c r="C348" s="105"/>
      <c r="D348" s="105"/>
      <c r="E348" s="117"/>
      <c r="F348" s="117"/>
      <c r="G348" s="117"/>
      <c r="H348" s="117"/>
      <c r="I348" s="117"/>
      <c r="J348" s="117"/>
      <c r="K348" s="117"/>
    </row>
    <row r="349" spans="1:11" ht="31.7" customHeight="1" x14ac:dyDescent="0.15">
      <c r="A349" s="140"/>
      <c r="B349" s="105"/>
      <c r="C349" s="105"/>
      <c r="D349" s="105"/>
      <c r="E349" s="117"/>
      <c r="F349" s="117"/>
      <c r="G349" s="117"/>
      <c r="H349" s="117"/>
      <c r="I349" s="117"/>
      <c r="J349" s="117"/>
      <c r="K349" s="117"/>
    </row>
    <row r="350" spans="1:11" ht="31.7" customHeight="1" x14ac:dyDescent="0.15">
      <c r="A350" s="138" t="s">
        <v>162</v>
      </c>
      <c r="B350" s="105"/>
      <c r="C350" s="105"/>
      <c r="D350" s="105"/>
      <c r="E350" s="117"/>
      <c r="F350" s="117"/>
      <c r="G350" s="117"/>
      <c r="H350" s="117"/>
      <c r="I350" s="117"/>
      <c r="J350" s="117"/>
      <c r="K350" s="117"/>
    </row>
    <row r="351" spans="1:11" ht="31.7" customHeight="1" x14ac:dyDescent="0.15">
      <c r="A351" s="138"/>
      <c r="B351" s="105"/>
      <c r="C351" s="105"/>
      <c r="D351" s="105"/>
      <c r="E351" s="117"/>
      <c r="F351" s="117"/>
      <c r="G351" s="117"/>
      <c r="H351" s="117"/>
      <c r="I351" s="117"/>
      <c r="J351" s="117"/>
      <c r="K351" s="117"/>
    </row>
    <row r="352" spans="1:11" ht="31.7" customHeight="1" x14ac:dyDescent="0.15">
      <c r="A352" s="138"/>
      <c r="B352" s="105"/>
      <c r="C352" s="105"/>
      <c r="D352" s="105"/>
      <c r="E352" s="117"/>
      <c r="F352" s="117"/>
      <c r="G352" s="117"/>
      <c r="H352" s="117"/>
      <c r="I352" s="117"/>
      <c r="J352" s="117"/>
      <c r="K352" s="117"/>
    </row>
    <row r="353" spans="1:12" ht="31.7" customHeight="1" thickBot="1" x14ac:dyDescent="0.2">
      <c r="A353" s="138"/>
      <c r="B353" s="105"/>
      <c r="C353" s="105"/>
      <c r="D353" s="105"/>
      <c r="E353" s="117"/>
      <c r="F353" s="117"/>
      <c r="G353" s="117"/>
      <c r="H353" s="117"/>
      <c r="I353" s="117"/>
      <c r="J353" s="117"/>
      <c r="K353" s="117"/>
    </row>
    <row r="354" spans="1:12" ht="31.7" customHeight="1" x14ac:dyDescent="0.15">
      <c r="A354" s="138"/>
      <c r="B354" s="128" t="s">
        <v>275</v>
      </c>
      <c r="C354" s="141"/>
      <c r="D354" s="141"/>
      <c r="E354" s="141"/>
      <c r="F354" s="160"/>
      <c r="G354" s="160"/>
      <c r="H354" s="160"/>
      <c r="I354" s="32"/>
      <c r="J354" s="117"/>
      <c r="K354" s="117"/>
    </row>
    <row r="355" spans="1:12" ht="31.7" customHeight="1" x14ac:dyDescent="0.15">
      <c r="A355" s="138"/>
      <c r="B355" s="132" t="s">
        <v>276</v>
      </c>
      <c r="C355" s="142"/>
      <c r="D355" s="142"/>
      <c r="E355" s="142"/>
      <c r="F355" s="172"/>
      <c r="G355" s="172"/>
      <c r="H355" s="172"/>
      <c r="I355" s="9"/>
      <c r="J355" s="117"/>
      <c r="K355" s="117"/>
    </row>
    <row r="356" spans="1:12" ht="31.7" customHeight="1" x14ac:dyDescent="0.15">
      <c r="A356" s="70"/>
      <c r="B356" s="132" t="s">
        <v>277</v>
      </c>
      <c r="C356" s="142"/>
      <c r="D356" s="142"/>
      <c r="E356" s="142"/>
      <c r="F356" s="172"/>
      <c r="G356" s="172"/>
      <c r="H356" s="172"/>
      <c r="I356" s="9"/>
      <c r="J356" s="117"/>
      <c r="K356" s="117"/>
      <c r="L356" s="117"/>
    </row>
    <row r="357" spans="1:12" ht="31.7" customHeight="1" x14ac:dyDescent="0.15">
      <c r="A357" s="70"/>
      <c r="B357" s="132" t="s">
        <v>163</v>
      </c>
      <c r="C357" s="142"/>
      <c r="D357" s="142"/>
      <c r="E357" s="142"/>
      <c r="F357" s="8"/>
      <c r="G357" s="8"/>
      <c r="H357" s="8"/>
      <c r="I357" s="9"/>
      <c r="J357" s="117"/>
      <c r="K357" s="117"/>
      <c r="L357" s="117"/>
    </row>
    <row r="358" spans="1:12" ht="31.7" customHeight="1" thickBot="1" x14ac:dyDescent="0.2">
      <c r="A358" s="70"/>
      <c r="B358" s="134" t="s">
        <v>164</v>
      </c>
      <c r="C358" s="143"/>
      <c r="D358" s="143"/>
      <c r="E358" s="143"/>
      <c r="F358" s="37"/>
      <c r="G358" s="37"/>
      <c r="H358" s="37"/>
      <c r="I358" s="38"/>
      <c r="J358" s="117"/>
      <c r="K358" s="117"/>
      <c r="L358" s="117"/>
    </row>
    <row r="359" spans="1:12" ht="18" customHeight="1" x14ac:dyDescent="0.15">
      <c r="A359" s="138"/>
      <c r="B359" s="105"/>
      <c r="C359" s="105"/>
      <c r="D359" s="105"/>
      <c r="E359" s="117"/>
      <c r="F359" s="117"/>
      <c r="G359" s="117"/>
      <c r="H359" s="117"/>
      <c r="I359" s="117"/>
      <c r="J359" s="117"/>
      <c r="K359" s="117"/>
    </row>
    <row r="360" spans="1:12" ht="31.7" customHeight="1" x14ac:dyDescent="0.15">
      <c r="A360" s="138" t="s">
        <v>165</v>
      </c>
      <c r="B360" s="105"/>
      <c r="C360" s="105"/>
      <c r="D360" s="105"/>
      <c r="E360" s="117"/>
      <c r="F360" s="117"/>
      <c r="G360" s="117"/>
      <c r="H360" s="117"/>
      <c r="I360" s="117"/>
      <c r="J360" s="117"/>
      <c r="K360" s="117"/>
    </row>
    <row r="361" spans="1:12" ht="31.7" customHeight="1" x14ac:dyDescent="0.15">
      <c r="A361" s="65"/>
      <c r="B361"/>
      <c r="C361"/>
      <c r="D361"/>
    </row>
    <row r="362" spans="1:12" ht="31.7" customHeight="1" x14ac:dyDescent="0.15">
      <c r="A362" s="65"/>
      <c r="B362"/>
      <c r="C362"/>
      <c r="D362"/>
    </row>
    <row r="363" spans="1:12" ht="31.7" customHeight="1" x14ac:dyDescent="0.15">
      <c r="A363" s="65"/>
      <c r="B363"/>
      <c r="C363"/>
      <c r="D363"/>
    </row>
    <row r="364" spans="1:12" ht="31.7" customHeight="1" x14ac:dyDescent="0.15">
      <c r="A364" s="65"/>
      <c r="B364"/>
      <c r="C364"/>
      <c r="D364"/>
    </row>
    <row r="365" spans="1:12" ht="31.7" customHeight="1" x14ac:dyDescent="0.15">
      <c r="A365" s="65"/>
      <c r="B365"/>
      <c r="C365"/>
      <c r="D365"/>
    </row>
    <row r="366" spans="1:12" s="70" customFormat="1" ht="31.7" customHeight="1" x14ac:dyDescent="0.15">
      <c r="A366" s="65"/>
      <c r="B366"/>
      <c r="C366"/>
      <c r="D366"/>
    </row>
    <row r="367" spans="1:12" ht="31.7" customHeight="1" x14ac:dyDescent="0.15">
      <c r="A367" s="65"/>
      <c r="B367"/>
      <c r="C367"/>
      <c r="D367"/>
    </row>
    <row r="368" spans="1:12" ht="21" x14ac:dyDescent="0.15">
      <c r="A368" s="136" t="s">
        <v>166</v>
      </c>
      <c r="B368" s="105"/>
      <c r="C368" s="105"/>
      <c r="D368" s="105"/>
      <c r="E368" s="117"/>
      <c r="F368" s="117"/>
      <c r="G368" s="117"/>
    </row>
    <row r="369" spans="1:12" ht="15" thickBot="1" x14ac:dyDescent="0.2">
      <c r="A369" s="137"/>
      <c r="B369" s="105"/>
      <c r="C369" s="105"/>
      <c r="D369" s="105"/>
      <c r="E369" s="117"/>
      <c r="F369" s="117"/>
      <c r="G369" s="117"/>
    </row>
    <row r="370" spans="1:12" ht="30.2" customHeight="1" thickBot="1" x14ac:dyDescent="0.2">
      <c r="A370" s="297"/>
      <c r="B370" s="298"/>
      <c r="C370" s="306" t="s">
        <v>167</v>
      </c>
      <c r="D370" s="307"/>
      <c r="E370" s="307"/>
      <c r="F370" s="307"/>
      <c r="G370" s="299" t="s">
        <v>168</v>
      </c>
      <c r="H370" s="298"/>
      <c r="I370" s="299" t="s">
        <v>83</v>
      </c>
      <c r="J370" s="300"/>
      <c r="K370" s="301"/>
      <c r="L370" s="117"/>
    </row>
    <row r="371" spans="1:12" ht="30.2" customHeight="1" x14ac:dyDescent="0.15">
      <c r="A371" s="310" t="s">
        <v>169</v>
      </c>
      <c r="B371" s="309"/>
      <c r="C371" s="308"/>
      <c r="D371" s="309"/>
      <c r="E371" s="309"/>
      <c r="F371" s="309"/>
      <c r="G371" s="311"/>
      <c r="H371" s="312"/>
      <c r="I371" s="228" t="s">
        <v>180</v>
      </c>
      <c r="J371" s="228"/>
      <c r="K371" s="302"/>
      <c r="L371" s="117"/>
    </row>
    <row r="372" spans="1:12" ht="30.2" customHeight="1" x14ac:dyDescent="0.15">
      <c r="A372" s="224" t="s">
        <v>169</v>
      </c>
      <c r="B372" s="223"/>
      <c r="C372" s="222"/>
      <c r="D372" s="223"/>
      <c r="E372" s="223"/>
      <c r="F372" s="223"/>
      <c r="G372" s="283"/>
      <c r="H372" s="284"/>
      <c r="I372" s="219" t="s">
        <v>180</v>
      </c>
      <c r="J372" s="219"/>
      <c r="K372" s="221"/>
      <c r="L372" s="117"/>
    </row>
    <row r="373" spans="1:12" s="70" customFormat="1" ht="30.2" customHeight="1" x14ac:dyDescent="0.15">
      <c r="A373" s="224" t="s">
        <v>169</v>
      </c>
      <c r="B373" s="223"/>
      <c r="C373" s="222"/>
      <c r="D373" s="223"/>
      <c r="E373" s="223"/>
      <c r="F373" s="223"/>
      <c r="G373" s="283"/>
      <c r="H373" s="284"/>
      <c r="I373" s="219" t="s">
        <v>180</v>
      </c>
      <c r="J373" s="219"/>
      <c r="K373" s="221"/>
      <c r="L373" s="117"/>
    </row>
    <row r="374" spans="1:12" ht="30.2" customHeight="1" x14ac:dyDescent="0.15">
      <c r="A374" s="224" t="s">
        <v>170</v>
      </c>
      <c r="B374" s="223"/>
      <c r="C374" s="222"/>
      <c r="D374" s="223"/>
      <c r="E374" s="223"/>
      <c r="F374" s="223"/>
      <c r="G374" s="283"/>
      <c r="H374" s="284"/>
      <c r="I374" s="219" t="s">
        <v>180</v>
      </c>
      <c r="J374" s="219"/>
      <c r="K374" s="221"/>
      <c r="L374" s="117"/>
    </row>
    <row r="375" spans="1:12" ht="30.2" customHeight="1" x14ac:dyDescent="0.15">
      <c r="A375" s="224" t="s">
        <v>171</v>
      </c>
      <c r="B375" s="223"/>
      <c r="C375" s="222"/>
      <c r="D375" s="223"/>
      <c r="E375" s="223"/>
      <c r="F375" s="223"/>
      <c r="G375" s="283"/>
      <c r="H375" s="284"/>
      <c r="I375" s="219" t="s">
        <v>180</v>
      </c>
      <c r="J375" s="219"/>
      <c r="K375" s="221"/>
      <c r="L375" s="117"/>
    </row>
    <row r="376" spans="1:12" ht="30.2" customHeight="1" x14ac:dyDescent="0.15">
      <c r="A376" s="224" t="s">
        <v>172</v>
      </c>
      <c r="B376" s="223"/>
      <c r="C376" s="222"/>
      <c r="D376" s="223"/>
      <c r="E376" s="223"/>
      <c r="F376" s="223"/>
      <c r="G376" s="283"/>
      <c r="H376" s="284"/>
      <c r="I376" s="219" t="s">
        <v>180</v>
      </c>
      <c r="J376" s="219"/>
      <c r="K376" s="221"/>
      <c r="L376" s="117"/>
    </row>
    <row r="377" spans="1:12" s="70" customFormat="1" ht="30.2" customHeight="1" x14ac:dyDescent="0.15">
      <c r="A377" s="224" t="s">
        <v>172</v>
      </c>
      <c r="B377" s="223"/>
      <c r="C377" s="222"/>
      <c r="D377" s="223"/>
      <c r="E377" s="223"/>
      <c r="F377" s="223"/>
      <c r="G377" s="283"/>
      <c r="H377" s="284"/>
      <c r="I377" s="219" t="s">
        <v>180</v>
      </c>
      <c r="J377" s="219"/>
      <c r="K377" s="221"/>
      <c r="L377" s="117"/>
    </row>
    <row r="378" spans="1:12" ht="30.2" customHeight="1" x14ac:dyDescent="0.15">
      <c r="A378" s="295" t="s">
        <v>233</v>
      </c>
      <c r="B378" s="296"/>
      <c r="C378" s="222"/>
      <c r="D378" s="223"/>
      <c r="E378" s="223"/>
      <c r="F378" s="223"/>
      <c r="G378" s="283"/>
      <c r="H378" s="284"/>
      <c r="I378" s="219" t="s">
        <v>180</v>
      </c>
      <c r="J378" s="219"/>
      <c r="K378" s="221"/>
      <c r="L378" s="117"/>
    </row>
    <row r="379" spans="1:12" s="70" customFormat="1" ht="30.2" customHeight="1" x14ac:dyDescent="0.15">
      <c r="A379" s="295" t="s">
        <v>233</v>
      </c>
      <c r="B379" s="296"/>
      <c r="C379" s="222"/>
      <c r="D379" s="223"/>
      <c r="E379" s="223"/>
      <c r="F379" s="223"/>
      <c r="G379" s="283"/>
      <c r="H379" s="284"/>
      <c r="I379" s="219" t="s">
        <v>180</v>
      </c>
      <c r="J379" s="219"/>
      <c r="K379" s="221"/>
      <c r="L379" s="117"/>
    </row>
    <row r="380" spans="1:12" s="70" customFormat="1" ht="30.2" customHeight="1" x14ac:dyDescent="0.15">
      <c r="A380" s="295" t="s">
        <v>233</v>
      </c>
      <c r="B380" s="296"/>
      <c r="C380" s="222"/>
      <c r="D380" s="223"/>
      <c r="E380" s="223"/>
      <c r="F380" s="223"/>
      <c r="G380" s="283"/>
      <c r="H380" s="284"/>
      <c r="I380" s="219" t="s">
        <v>180</v>
      </c>
      <c r="J380" s="219"/>
      <c r="K380" s="221"/>
      <c r="L380" s="117"/>
    </row>
    <row r="381" spans="1:12" ht="30.2" customHeight="1" x14ac:dyDescent="0.15">
      <c r="A381" s="224" t="s">
        <v>173</v>
      </c>
      <c r="B381" s="223"/>
      <c r="C381" s="222"/>
      <c r="D381" s="223"/>
      <c r="E381" s="223"/>
      <c r="F381" s="223"/>
      <c r="G381" s="283"/>
      <c r="H381" s="284"/>
      <c r="I381" s="219" t="s">
        <v>180</v>
      </c>
      <c r="J381" s="219"/>
      <c r="K381" s="221"/>
      <c r="L381" s="117"/>
    </row>
    <row r="382" spans="1:12" ht="30.2" customHeight="1" x14ac:dyDescent="0.15">
      <c r="A382" s="224" t="s">
        <v>173</v>
      </c>
      <c r="B382" s="223"/>
      <c r="C382" s="222"/>
      <c r="D382" s="223"/>
      <c r="E382" s="223"/>
      <c r="F382" s="223"/>
      <c r="G382" s="283"/>
      <c r="H382" s="284"/>
      <c r="I382" s="219" t="s">
        <v>180</v>
      </c>
      <c r="J382" s="219"/>
      <c r="K382" s="221"/>
      <c r="L382" s="117"/>
    </row>
    <row r="383" spans="1:12" s="70" customFormat="1" ht="30.2" customHeight="1" x14ac:dyDescent="0.15">
      <c r="A383" s="224" t="s">
        <v>174</v>
      </c>
      <c r="B383" s="223"/>
      <c r="C383" s="222"/>
      <c r="D383" s="223"/>
      <c r="E383" s="223"/>
      <c r="F383" s="223"/>
      <c r="G383" s="283"/>
      <c r="H383" s="284"/>
      <c r="I383" s="219" t="s">
        <v>180</v>
      </c>
      <c r="J383" s="219"/>
      <c r="K383" s="221"/>
      <c r="L383" s="117"/>
    </row>
    <row r="384" spans="1:12" s="70" customFormat="1" ht="30.2" customHeight="1" x14ac:dyDescent="0.15">
      <c r="A384" s="224" t="s">
        <v>174</v>
      </c>
      <c r="B384" s="223"/>
      <c r="C384" s="222"/>
      <c r="D384" s="223"/>
      <c r="E384" s="223"/>
      <c r="F384" s="223"/>
      <c r="G384" s="283"/>
      <c r="H384" s="284"/>
      <c r="I384" s="219" t="s">
        <v>180</v>
      </c>
      <c r="J384" s="219"/>
      <c r="K384" s="221"/>
      <c r="L384" s="117"/>
    </row>
    <row r="385" spans="1:12" s="70" customFormat="1" ht="30.2" customHeight="1" x14ac:dyDescent="0.15">
      <c r="A385" s="224"/>
      <c r="B385" s="223"/>
      <c r="C385" s="222"/>
      <c r="D385" s="223"/>
      <c r="E385" s="223"/>
      <c r="F385" s="223"/>
      <c r="G385" s="283"/>
      <c r="H385" s="284"/>
      <c r="I385" s="219" t="s">
        <v>180</v>
      </c>
      <c r="J385" s="219"/>
      <c r="K385" s="221"/>
      <c r="L385" s="117"/>
    </row>
    <row r="386" spans="1:12" ht="30.2" customHeight="1" x14ac:dyDescent="0.15">
      <c r="A386" s="224"/>
      <c r="B386" s="223"/>
      <c r="C386" s="222"/>
      <c r="D386" s="223"/>
      <c r="E386" s="223"/>
      <c r="F386" s="223"/>
      <c r="G386" s="283"/>
      <c r="H386" s="284"/>
      <c r="I386" s="219" t="s">
        <v>180</v>
      </c>
      <c r="J386" s="219"/>
      <c r="K386" s="221"/>
      <c r="L386" s="117"/>
    </row>
    <row r="387" spans="1:12" ht="30.2" customHeight="1" x14ac:dyDescent="0.15">
      <c r="A387" s="224"/>
      <c r="B387" s="223"/>
      <c r="C387" s="222"/>
      <c r="D387" s="223"/>
      <c r="E387" s="223"/>
      <c r="F387" s="223"/>
      <c r="G387" s="283"/>
      <c r="H387" s="284"/>
      <c r="I387" s="219" t="s">
        <v>180</v>
      </c>
      <c r="J387" s="219"/>
      <c r="K387" s="221"/>
      <c r="L387" s="117"/>
    </row>
    <row r="388" spans="1:12" ht="30.2" customHeight="1" thickBot="1" x14ac:dyDescent="0.2">
      <c r="A388" s="305"/>
      <c r="B388" s="304"/>
      <c r="C388" s="303"/>
      <c r="D388" s="304"/>
      <c r="E388" s="304"/>
      <c r="F388" s="304"/>
      <c r="G388" s="290"/>
      <c r="H388" s="291"/>
      <c r="I388" s="317" t="s">
        <v>180</v>
      </c>
      <c r="J388" s="318"/>
      <c r="K388" s="319"/>
      <c r="L388" s="117"/>
    </row>
    <row r="389" spans="1:12" ht="14.25" x14ac:dyDescent="0.15">
      <c r="A389" s="99"/>
      <c r="B389"/>
      <c r="C389"/>
      <c r="D389"/>
    </row>
    <row r="390" spans="1:12" s="70" customFormat="1" ht="14.25" x14ac:dyDescent="0.15">
      <c r="A390" s="99"/>
      <c r="B390"/>
      <c r="C390"/>
      <c r="D390"/>
    </row>
    <row r="391" spans="1:12" s="70" customFormat="1" ht="14.25" x14ac:dyDescent="0.15">
      <c r="A391" s="99"/>
      <c r="B391"/>
      <c r="C391"/>
      <c r="D391"/>
    </row>
    <row r="392" spans="1:12" s="70" customFormat="1" ht="14.25" x14ac:dyDescent="0.15">
      <c r="A392" s="99"/>
      <c r="B392"/>
      <c r="C392"/>
      <c r="D392"/>
    </row>
    <row r="393" spans="1:12" s="70" customFormat="1" ht="14.25" x14ac:dyDescent="0.15">
      <c r="A393" s="99"/>
      <c r="B393"/>
      <c r="C393"/>
      <c r="D393"/>
    </row>
    <row r="394" spans="1:12" s="70" customFormat="1" ht="14.25" x14ac:dyDescent="0.15">
      <c r="A394" s="99"/>
      <c r="B394"/>
      <c r="C394"/>
      <c r="D394"/>
    </row>
    <row r="395" spans="1:12" s="70" customFormat="1" ht="14.25" x14ac:dyDescent="0.15">
      <c r="A395" s="99"/>
      <c r="B395"/>
      <c r="C395"/>
      <c r="D395"/>
    </row>
    <row r="396" spans="1:12" s="70" customFormat="1" ht="14.25" x14ac:dyDescent="0.15">
      <c r="A396" s="99"/>
      <c r="B396"/>
      <c r="C396"/>
      <c r="D396"/>
    </row>
    <row r="397" spans="1:12" s="70" customFormat="1" ht="14.25" x14ac:dyDescent="0.15">
      <c r="A397" s="99"/>
      <c r="B397"/>
      <c r="C397"/>
      <c r="D397"/>
    </row>
    <row r="398" spans="1:12" s="70" customFormat="1" ht="14.25" x14ac:dyDescent="0.15">
      <c r="A398" s="99"/>
      <c r="B398"/>
      <c r="C398"/>
      <c r="D398"/>
    </row>
    <row r="399" spans="1:12" s="70" customFormat="1" ht="14.25" x14ac:dyDescent="0.15">
      <c r="A399" s="99"/>
      <c r="B399"/>
      <c r="C399"/>
      <c r="D399"/>
    </row>
    <row r="400" spans="1:12" s="70" customFormat="1" ht="14.25" x14ac:dyDescent="0.15">
      <c r="A400" s="99"/>
      <c r="B400"/>
      <c r="C400"/>
      <c r="D400"/>
    </row>
    <row r="401" spans="1:11" s="70" customFormat="1" ht="14.25" x14ac:dyDescent="0.15">
      <c r="A401" s="99"/>
      <c r="B401"/>
      <c r="C401"/>
      <c r="D401"/>
    </row>
    <row r="402" spans="1:11" s="70" customFormat="1" ht="14.25" x14ac:dyDescent="0.15">
      <c r="A402" s="99"/>
      <c r="B402"/>
      <c r="C402"/>
      <c r="D402"/>
    </row>
    <row r="403" spans="1:11" s="70" customFormat="1" ht="14.25" x14ac:dyDescent="0.15">
      <c r="A403" s="99"/>
      <c r="B403"/>
      <c r="C403"/>
      <c r="D403"/>
    </row>
    <row r="404" spans="1:11" ht="35.450000000000003" customHeight="1" x14ac:dyDescent="0.15">
      <c r="A404" s="313" t="s">
        <v>175</v>
      </c>
      <c r="B404" s="314"/>
      <c r="C404" s="314"/>
      <c r="D404" s="314"/>
      <c r="E404" s="314"/>
      <c r="F404" s="314"/>
      <c r="G404" s="314"/>
      <c r="H404" s="314"/>
      <c r="I404" s="314"/>
      <c r="J404" s="314"/>
      <c r="K404" s="314"/>
    </row>
    <row r="405" spans="1:11" ht="14.25" x14ac:dyDescent="0.15">
      <c r="A405" s="137"/>
      <c r="B405" s="105"/>
      <c r="C405" s="105"/>
      <c r="D405" s="105"/>
      <c r="E405" s="117"/>
      <c r="F405" s="117"/>
      <c r="G405" s="117"/>
      <c r="H405" s="117"/>
      <c r="I405" s="117"/>
      <c r="J405" s="117"/>
      <c r="K405" s="117"/>
    </row>
    <row r="406" spans="1:11" ht="24" customHeight="1" x14ac:dyDescent="0.15">
      <c r="A406" s="138" t="s">
        <v>176</v>
      </c>
      <c r="B406" s="105"/>
      <c r="C406" s="105"/>
      <c r="D406" s="105"/>
      <c r="E406" s="117"/>
      <c r="F406" s="117"/>
      <c r="G406" s="117"/>
      <c r="H406" s="117"/>
      <c r="I406" s="117"/>
      <c r="J406" s="117"/>
      <c r="K406" s="117"/>
    </row>
    <row r="407" spans="1:11" ht="24" customHeight="1" x14ac:dyDescent="0.15">
      <c r="A407" s="138"/>
      <c r="B407" s="105"/>
      <c r="C407" s="105"/>
      <c r="D407" s="105"/>
      <c r="E407" s="117"/>
      <c r="F407" s="117"/>
      <c r="G407" s="117"/>
      <c r="H407" s="117"/>
      <c r="I407" s="117"/>
      <c r="J407" s="117"/>
      <c r="K407" s="117"/>
    </row>
    <row r="408" spans="1:11" ht="24" customHeight="1" x14ac:dyDescent="0.15">
      <c r="A408" s="138"/>
      <c r="B408" s="105"/>
      <c r="C408" s="105"/>
      <c r="D408" s="105"/>
      <c r="E408" s="117"/>
      <c r="F408" s="117"/>
      <c r="G408" s="117"/>
      <c r="H408" s="117"/>
      <c r="I408" s="117"/>
      <c r="J408" s="117"/>
      <c r="K408" s="117"/>
    </row>
    <row r="409" spans="1:11" ht="24" customHeight="1" x14ac:dyDescent="0.15">
      <c r="A409" s="138"/>
      <c r="B409" s="105"/>
      <c r="C409" s="105"/>
      <c r="D409" s="105"/>
      <c r="E409" s="117"/>
      <c r="F409" s="117"/>
      <c r="G409" s="117"/>
      <c r="H409" s="117"/>
      <c r="I409" s="117"/>
      <c r="J409" s="117"/>
      <c r="K409" s="117"/>
    </row>
    <row r="410" spans="1:11" ht="24" customHeight="1" x14ac:dyDescent="0.15">
      <c r="A410" s="138"/>
      <c r="B410" s="105"/>
      <c r="C410" s="105"/>
      <c r="D410" s="105"/>
      <c r="E410" s="117"/>
      <c r="F410" s="117"/>
      <c r="G410" s="117"/>
      <c r="H410" s="117"/>
      <c r="I410" s="117"/>
      <c r="J410" s="117"/>
      <c r="K410" s="117"/>
    </row>
    <row r="411" spans="1:11" ht="24" customHeight="1" x14ac:dyDescent="0.15">
      <c r="A411" s="138"/>
      <c r="B411" s="105"/>
      <c r="C411" s="105"/>
      <c r="D411" s="105"/>
      <c r="E411" s="117"/>
      <c r="F411" s="117"/>
      <c r="G411" s="117"/>
      <c r="H411" s="117"/>
      <c r="I411" s="117"/>
      <c r="J411" s="117"/>
      <c r="K411" s="117"/>
    </row>
    <row r="412" spans="1:11" ht="24" customHeight="1" x14ac:dyDescent="0.15">
      <c r="A412" s="138"/>
      <c r="B412" s="105"/>
      <c r="C412" s="105"/>
      <c r="D412" s="105"/>
      <c r="E412" s="117"/>
      <c r="F412" s="117"/>
      <c r="G412" s="117"/>
      <c r="H412" s="117"/>
      <c r="I412" s="117"/>
      <c r="J412" s="117"/>
      <c r="K412" s="117"/>
    </row>
    <row r="413" spans="1:11" ht="24" customHeight="1" x14ac:dyDescent="0.15">
      <c r="A413" s="138" t="s">
        <v>177</v>
      </c>
      <c r="B413" s="105"/>
      <c r="C413" s="105"/>
      <c r="D413" s="105"/>
      <c r="E413" s="117"/>
      <c r="F413" s="117"/>
      <c r="G413" s="117"/>
      <c r="H413" s="117"/>
      <c r="I413" s="117"/>
      <c r="J413" s="117"/>
      <c r="K413" s="117"/>
    </row>
    <row r="414" spans="1:11" ht="24" customHeight="1" x14ac:dyDescent="0.15">
      <c r="A414" s="144"/>
      <c r="B414" s="105" t="s">
        <v>234</v>
      </c>
      <c r="C414" s="105"/>
      <c r="D414" s="105"/>
      <c r="E414" s="117"/>
      <c r="F414" s="117"/>
      <c r="G414" s="117"/>
      <c r="H414" s="117"/>
      <c r="I414" s="117"/>
      <c r="J414" s="117"/>
      <c r="K414" s="117"/>
    </row>
    <row r="415" spans="1:11" ht="24" customHeight="1" x14ac:dyDescent="0.15">
      <c r="A415" s="138"/>
      <c r="B415" s="105" t="s">
        <v>235</v>
      </c>
      <c r="C415" s="105"/>
      <c r="D415" s="105"/>
      <c r="E415" s="117"/>
      <c r="F415" s="117"/>
      <c r="G415" s="117"/>
      <c r="H415" s="117"/>
      <c r="I415" s="117"/>
      <c r="J415" s="117"/>
      <c r="K415" s="117"/>
    </row>
    <row r="416" spans="1:11" ht="24" customHeight="1" x14ac:dyDescent="0.15">
      <c r="A416" s="138"/>
      <c r="B416" s="105" t="s">
        <v>236</v>
      </c>
      <c r="C416" s="105"/>
      <c r="D416" s="105"/>
      <c r="E416" s="117"/>
      <c r="F416" s="117"/>
      <c r="G416" s="117"/>
      <c r="H416" s="117"/>
      <c r="I416" s="117"/>
      <c r="J416" s="117"/>
      <c r="K416" s="117"/>
    </row>
    <row r="417" spans="1:11" ht="24" customHeight="1" x14ac:dyDescent="0.15">
      <c r="A417" s="138"/>
      <c r="B417" s="105" t="s">
        <v>237</v>
      </c>
      <c r="C417" s="105"/>
      <c r="D417" s="105"/>
      <c r="E417" s="117"/>
      <c r="F417" s="117"/>
      <c r="G417" s="117"/>
      <c r="H417" s="117"/>
      <c r="I417" s="117"/>
      <c r="J417" s="117"/>
      <c r="K417" s="117"/>
    </row>
    <row r="418" spans="1:11" ht="24" customHeight="1" x14ac:dyDescent="0.15">
      <c r="A418" s="138"/>
      <c r="B418" s="105"/>
      <c r="C418" s="105" t="s">
        <v>238</v>
      </c>
      <c r="D418" s="105"/>
      <c r="E418" s="117"/>
      <c r="F418" s="117"/>
      <c r="G418" s="117"/>
      <c r="H418" s="117"/>
      <c r="I418" s="117"/>
      <c r="J418" s="117"/>
      <c r="K418" s="117"/>
    </row>
    <row r="419" spans="1:11" ht="24" customHeight="1" x14ac:dyDescent="0.15">
      <c r="A419" s="138"/>
      <c r="B419" s="105"/>
      <c r="C419" s="105" t="s">
        <v>232</v>
      </c>
      <c r="D419" s="105"/>
      <c r="E419" s="117"/>
      <c r="F419" s="117"/>
      <c r="G419" s="117"/>
      <c r="H419" s="117"/>
      <c r="I419" s="117"/>
      <c r="J419" s="117"/>
      <c r="K419" s="117"/>
    </row>
    <row r="420" spans="1:11" ht="24" customHeight="1" x14ac:dyDescent="0.15">
      <c r="A420" s="138"/>
      <c r="B420" s="105"/>
      <c r="C420" s="105" t="s">
        <v>239</v>
      </c>
      <c r="D420" s="105"/>
      <c r="E420" s="117"/>
      <c r="F420" s="117"/>
      <c r="G420" s="117"/>
      <c r="H420" s="117"/>
      <c r="I420" s="117"/>
      <c r="J420" s="117"/>
      <c r="K420" s="117"/>
    </row>
    <row r="421" spans="1:11" ht="24" customHeight="1" x14ac:dyDescent="0.15">
      <c r="A421" s="138"/>
      <c r="B421" s="105"/>
      <c r="C421" s="105"/>
      <c r="D421" s="105"/>
      <c r="E421" s="117"/>
      <c r="F421" s="117"/>
      <c r="G421" s="117"/>
      <c r="H421" s="117"/>
      <c r="I421" s="117"/>
      <c r="J421" s="117"/>
      <c r="K421" s="117"/>
    </row>
    <row r="422" spans="1:11" ht="24" customHeight="1" x14ac:dyDescent="0.15">
      <c r="A422" s="138"/>
      <c r="B422" s="105"/>
      <c r="C422" s="105"/>
      <c r="D422" s="105"/>
      <c r="E422" s="117"/>
      <c r="F422" s="117"/>
      <c r="G422" s="117"/>
      <c r="H422" s="117"/>
      <c r="I422" s="117"/>
      <c r="J422" s="117"/>
      <c r="K422" s="117"/>
    </row>
    <row r="423" spans="1:11" ht="24" customHeight="1" x14ac:dyDescent="0.15">
      <c r="A423" s="138"/>
      <c r="B423" s="105"/>
      <c r="C423" s="105"/>
      <c r="D423" s="105"/>
      <c r="E423" s="117"/>
      <c r="F423" s="117"/>
      <c r="G423" s="117"/>
      <c r="H423" s="117"/>
      <c r="I423" s="117"/>
      <c r="J423" s="117"/>
      <c r="K423" s="117"/>
    </row>
    <row r="424" spans="1:11" ht="24" customHeight="1" x14ac:dyDescent="0.15">
      <c r="A424" s="138"/>
      <c r="B424" s="105"/>
      <c r="C424" s="105"/>
      <c r="D424" s="105"/>
      <c r="E424" s="117"/>
      <c r="F424" s="117"/>
      <c r="G424" s="117"/>
      <c r="H424" s="117"/>
      <c r="I424" s="117"/>
      <c r="J424" s="117"/>
      <c r="K424" s="117"/>
    </row>
    <row r="425" spans="1:11" ht="24" customHeight="1" x14ac:dyDescent="0.15">
      <c r="A425" s="138" t="s">
        <v>178</v>
      </c>
      <c r="B425" s="105"/>
      <c r="C425" s="105"/>
      <c r="D425" s="105"/>
      <c r="E425" s="117"/>
      <c r="F425" s="117"/>
      <c r="G425" s="117"/>
      <c r="H425" s="117"/>
      <c r="I425" s="117"/>
      <c r="J425" s="117"/>
      <c r="K425" s="117"/>
    </row>
    <row r="426" spans="1:11" ht="24" customHeight="1" x14ac:dyDescent="0.15">
      <c r="A426" s="138" t="s">
        <v>179</v>
      </c>
      <c r="B426" s="105"/>
      <c r="C426" s="105"/>
      <c r="D426" s="105"/>
      <c r="E426" s="117"/>
      <c r="F426" s="117"/>
      <c r="G426" s="117"/>
      <c r="H426" s="117"/>
      <c r="I426" s="117"/>
      <c r="J426" s="117"/>
      <c r="K426" s="117"/>
    </row>
    <row r="427" spans="1:11" ht="14.25" x14ac:dyDescent="0.15">
      <c r="A427" s="65"/>
      <c r="B427"/>
      <c r="C427"/>
      <c r="D427"/>
    </row>
    <row r="428" spans="1:11" ht="14.25" x14ac:dyDescent="0.15">
      <c r="A428" s="65"/>
      <c r="B428"/>
      <c r="C428"/>
      <c r="D428"/>
    </row>
    <row r="429" spans="1:11" ht="14.25" x14ac:dyDescent="0.15">
      <c r="A429" s="65"/>
      <c r="B429"/>
      <c r="C429"/>
      <c r="D429"/>
    </row>
    <row r="430" spans="1:11" x14ac:dyDescent="0.15">
      <c r="A430" s="100"/>
      <c r="B430"/>
      <c r="C430"/>
      <c r="D430"/>
    </row>
    <row r="431" spans="1:11" ht="14.25" x14ac:dyDescent="0.15">
      <c r="A431" s="65"/>
      <c r="B431"/>
      <c r="C431"/>
      <c r="D431"/>
    </row>
    <row r="471" spans="7:8" x14ac:dyDescent="0.15">
      <c r="G471" s="10" t="s">
        <v>251</v>
      </c>
    </row>
    <row r="473" spans="7:8" x14ac:dyDescent="0.15">
      <c r="G473" s="10" t="s">
        <v>315</v>
      </c>
    </row>
    <row r="475" spans="7:8" x14ac:dyDescent="0.15">
      <c r="G475" s="10" t="s">
        <v>287</v>
      </c>
    </row>
    <row r="476" spans="7:8" x14ac:dyDescent="0.15">
      <c r="G476" s="10" t="s">
        <v>252</v>
      </c>
    </row>
    <row r="477" spans="7:8" x14ac:dyDescent="0.15">
      <c r="H477" s="10" t="s">
        <v>253</v>
      </c>
    </row>
    <row r="478" spans="7:8" x14ac:dyDescent="0.15">
      <c r="G478" s="171" t="s">
        <v>279</v>
      </c>
    </row>
    <row r="479" spans="7:8" x14ac:dyDescent="0.15">
      <c r="H479" s="10" t="s">
        <v>254</v>
      </c>
    </row>
    <row r="480" spans="7:8" x14ac:dyDescent="0.15">
      <c r="H480" s="171" t="s">
        <v>278</v>
      </c>
    </row>
    <row r="481" spans="8:8" x14ac:dyDescent="0.15">
      <c r="H481" s="171"/>
    </row>
  </sheetData>
  <mergeCells count="229">
    <mergeCell ref="I383:K383"/>
    <mergeCell ref="A404:K404"/>
    <mergeCell ref="A6:K6"/>
    <mergeCell ref="I385:K385"/>
    <mergeCell ref="I386:K386"/>
    <mergeCell ref="I387:K387"/>
    <mergeCell ref="I388:K388"/>
    <mergeCell ref="A373:B373"/>
    <mergeCell ref="C373:F373"/>
    <mergeCell ref="G373:H373"/>
    <mergeCell ref="I373:K373"/>
    <mergeCell ref="A379:B379"/>
    <mergeCell ref="G379:H379"/>
    <mergeCell ref="I379:K379"/>
    <mergeCell ref="A380:B380"/>
    <mergeCell ref="C380:F380"/>
    <mergeCell ref="G380:H380"/>
    <mergeCell ref="I380:K380"/>
    <mergeCell ref="A377:B377"/>
    <mergeCell ref="I300:K300"/>
    <mergeCell ref="I301:K301"/>
    <mergeCell ref="G384:H384"/>
    <mergeCell ref="G385:H385"/>
    <mergeCell ref="G386:H386"/>
    <mergeCell ref="I382:K382"/>
    <mergeCell ref="A388:B388"/>
    <mergeCell ref="C375:F375"/>
    <mergeCell ref="A375:B375"/>
    <mergeCell ref="C376:F376"/>
    <mergeCell ref="C378:F378"/>
    <mergeCell ref="C377:F377"/>
    <mergeCell ref="I384:K384"/>
    <mergeCell ref="G370:H370"/>
    <mergeCell ref="G382:H382"/>
    <mergeCell ref="G383:H383"/>
    <mergeCell ref="G377:H377"/>
    <mergeCell ref="C370:F370"/>
    <mergeCell ref="C371:F371"/>
    <mergeCell ref="C372:F372"/>
    <mergeCell ref="A371:B371"/>
    <mergeCell ref="A372:B372"/>
    <mergeCell ref="C382:F382"/>
    <mergeCell ref="C383:F383"/>
    <mergeCell ref="A382:B382"/>
    <mergeCell ref="G371:H371"/>
    <mergeCell ref="G372:H372"/>
    <mergeCell ref="G374:H374"/>
    <mergeCell ref="G375:H375"/>
    <mergeCell ref="G388:H388"/>
    <mergeCell ref="A386:B386"/>
    <mergeCell ref="A387:B387"/>
    <mergeCell ref="A385:B385"/>
    <mergeCell ref="A383:B383"/>
    <mergeCell ref="A384:B384"/>
    <mergeCell ref="C384:F384"/>
    <mergeCell ref="C387:F387"/>
    <mergeCell ref="C388:F388"/>
    <mergeCell ref="C386:F386"/>
    <mergeCell ref="C385:F385"/>
    <mergeCell ref="G387:H387"/>
    <mergeCell ref="I297:K297"/>
    <mergeCell ref="B298:D298"/>
    <mergeCell ref="F298:H298"/>
    <mergeCell ref="I298:K298"/>
    <mergeCell ref="A376:B376"/>
    <mergeCell ref="A378:B378"/>
    <mergeCell ref="I376:K376"/>
    <mergeCell ref="C381:F381"/>
    <mergeCell ref="C379:F379"/>
    <mergeCell ref="A381:B381"/>
    <mergeCell ref="I377:K377"/>
    <mergeCell ref="B299:D299"/>
    <mergeCell ref="F299:H299"/>
    <mergeCell ref="I299:K299"/>
    <mergeCell ref="A370:B370"/>
    <mergeCell ref="I370:K370"/>
    <mergeCell ref="I371:K371"/>
    <mergeCell ref="I372:K372"/>
    <mergeCell ref="I378:K378"/>
    <mergeCell ref="I381:K381"/>
    <mergeCell ref="G376:H376"/>
    <mergeCell ref="G378:H378"/>
    <mergeCell ref="G381:H381"/>
    <mergeCell ref="I375:K375"/>
    <mergeCell ref="I296:K296"/>
    <mergeCell ref="I295:K295"/>
    <mergeCell ref="F274:H274"/>
    <mergeCell ref="I274:K274"/>
    <mergeCell ref="B274:D274"/>
    <mergeCell ref="B275:D275"/>
    <mergeCell ref="B276:D276"/>
    <mergeCell ref="F275:H275"/>
    <mergeCell ref="F276:H276"/>
    <mergeCell ref="I275:K275"/>
    <mergeCell ref="I276:K276"/>
    <mergeCell ref="F292:H292"/>
    <mergeCell ref="F293:H293"/>
    <mergeCell ref="F294:H294"/>
    <mergeCell ref="I292:K292"/>
    <mergeCell ref="I293:K293"/>
    <mergeCell ref="I294:K294"/>
    <mergeCell ref="F295:H295"/>
    <mergeCell ref="F287:H287"/>
    <mergeCell ref="F288:H288"/>
    <mergeCell ref="F289:H289"/>
    <mergeCell ref="F290:H290"/>
    <mergeCell ref="F291:H291"/>
    <mergeCell ref="I287:K287"/>
    <mergeCell ref="I288:K288"/>
    <mergeCell ref="I289:K289"/>
    <mergeCell ref="I290:K290"/>
    <mergeCell ref="I291:K291"/>
    <mergeCell ref="F282:H282"/>
    <mergeCell ref="F283:H283"/>
    <mergeCell ref="F284:H284"/>
    <mergeCell ref="F285:H285"/>
    <mergeCell ref="F286:H286"/>
    <mergeCell ref="I282:K282"/>
    <mergeCell ref="I283:K283"/>
    <mergeCell ref="I284:K284"/>
    <mergeCell ref="I285:K285"/>
    <mergeCell ref="I286:K286"/>
    <mergeCell ref="B292:D292"/>
    <mergeCell ref="B293:D293"/>
    <mergeCell ref="B294:D294"/>
    <mergeCell ref="B300:D300"/>
    <mergeCell ref="B301:D301"/>
    <mergeCell ref="B295:D295"/>
    <mergeCell ref="B296:D296"/>
    <mergeCell ref="F296:H296"/>
    <mergeCell ref="B297:D297"/>
    <mergeCell ref="F297:H297"/>
    <mergeCell ref="F300:H300"/>
    <mergeCell ref="F301:H301"/>
    <mergeCell ref="B287:D287"/>
    <mergeCell ref="B288:D288"/>
    <mergeCell ref="B289:D289"/>
    <mergeCell ref="B290:D290"/>
    <mergeCell ref="B291:D291"/>
    <mergeCell ref="B282:D282"/>
    <mergeCell ref="B283:D283"/>
    <mergeCell ref="B284:D284"/>
    <mergeCell ref="B285:D285"/>
    <mergeCell ref="B286:D286"/>
    <mergeCell ref="B277:D277"/>
    <mergeCell ref="B278:D278"/>
    <mergeCell ref="B279:D279"/>
    <mergeCell ref="B280:D280"/>
    <mergeCell ref="B281:D281"/>
    <mergeCell ref="G188:H188"/>
    <mergeCell ref="G183:H183"/>
    <mergeCell ref="F182:K182"/>
    <mergeCell ref="G185:H185"/>
    <mergeCell ref="F187:K187"/>
    <mergeCell ref="F277:H277"/>
    <mergeCell ref="F278:H278"/>
    <mergeCell ref="F279:H279"/>
    <mergeCell ref="F280:H280"/>
    <mergeCell ref="F281:H281"/>
    <mergeCell ref="I277:K277"/>
    <mergeCell ref="I278:K278"/>
    <mergeCell ref="I279:K279"/>
    <mergeCell ref="I280:K280"/>
    <mergeCell ref="I281:K281"/>
    <mergeCell ref="B173:E173"/>
    <mergeCell ref="B174:E174"/>
    <mergeCell ref="B175:E175"/>
    <mergeCell ref="H172:K172"/>
    <mergeCell ref="F167:K167"/>
    <mergeCell ref="F168:K168"/>
    <mergeCell ref="F169:K169"/>
    <mergeCell ref="F170:K170"/>
    <mergeCell ref="C172:E172"/>
    <mergeCell ref="F172:G172"/>
    <mergeCell ref="G147:H147"/>
    <mergeCell ref="F148:K150"/>
    <mergeCell ref="F151:K151"/>
    <mergeCell ref="F156:K160"/>
    <mergeCell ref="F163:K166"/>
    <mergeCell ref="F141:K141"/>
    <mergeCell ref="F142:K142"/>
    <mergeCell ref="F143:K143"/>
    <mergeCell ref="H144:K144"/>
    <mergeCell ref="H145:K145"/>
    <mergeCell ref="F137:K137"/>
    <mergeCell ref="F138:K138"/>
    <mergeCell ref="F139:K139"/>
    <mergeCell ref="F140:K140"/>
    <mergeCell ref="F130:K131"/>
    <mergeCell ref="F132:K132"/>
    <mergeCell ref="F133:K133"/>
    <mergeCell ref="F134:K134"/>
    <mergeCell ref="F135:K135"/>
    <mergeCell ref="C102:D102"/>
    <mergeCell ref="C103:D103"/>
    <mergeCell ref="F99:K103"/>
    <mergeCell ref="D122:F122"/>
    <mergeCell ref="D123:F123"/>
    <mergeCell ref="H124:K124"/>
    <mergeCell ref="H125:K125"/>
    <mergeCell ref="C99:D99"/>
    <mergeCell ref="F136:K136"/>
    <mergeCell ref="A106:K107"/>
    <mergeCell ref="A108:K109"/>
    <mergeCell ref="A110:K111"/>
    <mergeCell ref="H35:I35"/>
    <mergeCell ref="B225:D225"/>
    <mergeCell ref="I225:K225"/>
    <mergeCell ref="E225:H225"/>
    <mergeCell ref="I121:K121"/>
    <mergeCell ref="I122:K122"/>
    <mergeCell ref="I123:K123"/>
    <mergeCell ref="D121:F121"/>
    <mergeCell ref="I374:K374"/>
    <mergeCell ref="C374:F374"/>
    <mergeCell ref="A374:B374"/>
    <mergeCell ref="C84:F84"/>
    <mergeCell ref="B85:F85"/>
    <mergeCell ref="A88:F88"/>
    <mergeCell ref="A90:D90"/>
    <mergeCell ref="E90:F90"/>
    <mergeCell ref="D95:K95"/>
    <mergeCell ref="D96:K96"/>
    <mergeCell ref="D97:K97"/>
    <mergeCell ref="B96:C96"/>
    <mergeCell ref="B95:C95"/>
    <mergeCell ref="B97:C97"/>
    <mergeCell ref="C100:D100"/>
    <mergeCell ref="C101:D101"/>
  </mergeCells>
  <phoneticPr fontId="1"/>
  <dataValidations count="6">
    <dataValidation type="list" allowBlank="1" showInputMessage="1" showErrorMessage="1" sqref="B179:B183 A133 A136 A139 A142 A146 A152:A153 A155 A161 A167 A171 A177 A182:A184 A187 A190 B148:B150 F144:F145 B156:B160 D156:D157 B162:B166 B168:B170 G173:G175 A130">
      <formula1>"□,■"</formula1>
    </dataValidation>
    <dataValidation type="list" allowBlank="1" showInputMessage="1" showErrorMessage="1" sqref="F92">
      <formula1>"（選んで） ,＋,－, 不明,"</formula1>
    </dataValidation>
    <dataValidation type="list" allowBlank="1" showInputMessage="1" showErrorMessage="1" sqref="B92">
      <formula1>"(選んで),Ａ,Ｂ,ＡＢ,Ｏ,不明"</formula1>
    </dataValidation>
    <dataValidation type="list" allowBlank="1" showInputMessage="1" showErrorMessage="1" sqref="G146 C185 C188 C191">
      <formula1>"あり　　　なし,あり,なし"</formula1>
    </dataValidation>
    <dataValidation type="list" allowBlank="1" showInputMessage="1" showErrorMessage="1" sqref="I147">
      <formula1>"(選んで）,回/1時間,回/夜間のみ,回/一日,ゼロゼロしている時に"</formula1>
    </dataValidation>
    <dataValidation type="list" allowBlank="1" showInputMessage="1" showErrorMessage="1" sqref="D154">
      <formula1>"（選んで）,回/1時間,回/2～3時間,回/半日,回/夜間のみ,回/一日"</formula1>
    </dataValidation>
  </dataValidations>
  <pageMargins left="0.25" right="0.25" top="0.75" bottom="0.75" header="0.3" footer="0.3"/>
  <pageSetup paperSize="9" scale="91" orientation="portrait" r:id="rId1"/>
  <headerFooter>
    <oddHeader>&amp;R&amp;P</oddHeader>
  </headerFooter>
  <rowBreaks count="12" manualBreakCount="12">
    <brk id="44" max="10" man="1"/>
    <brk id="81" max="10" man="1"/>
    <brk id="116" max="10" man="1"/>
    <brk id="128" max="10" man="1"/>
    <brk id="160" max="10" man="1"/>
    <brk id="189" max="10" man="1"/>
    <brk id="223" max="10" man="1"/>
    <brk id="272" max="10" man="1"/>
    <brk id="308" max="10" man="1"/>
    <brk id="340" max="10" man="1"/>
    <brk id="367" max="10" man="1"/>
    <brk id="403" max="10"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dimension ref="A1:K483"/>
  <sheetViews>
    <sheetView view="pageBreakPreview" topLeftCell="A427" zoomScale="60" zoomScaleNormal="100" workbookViewId="0">
      <selection activeCell="F279" sqref="F279:H279"/>
    </sheetView>
  </sheetViews>
  <sheetFormatPr defaultRowHeight="13.5" x14ac:dyDescent="0.15"/>
  <cols>
    <col min="9" max="9" width="11" customWidth="1"/>
  </cols>
  <sheetData>
    <row r="1" spans="1:11" x14ac:dyDescent="0.15">
      <c r="A1" s="190"/>
      <c r="B1" s="190"/>
      <c r="C1" s="190"/>
      <c r="D1" s="190"/>
      <c r="E1" s="190"/>
      <c r="F1" s="190"/>
      <c r="G1" s="190"/>
      <c r="H1" s="190"/>
      <c r="I1" s="190"/>
      <c r="J1" s="190"/>
      <c r="K1" s="190"/>
    </row>
    <row r="2" spans="1:11" x14ac:dyDescent="0.15">
      <c r="A2" s="190"/>
      <c r="B2" s="190"/>
      <c r="C2" s="190"/>
      <c r="D2" s="190"/>
      <c r="E2" s="190"/>
      <c r="F2" s="190"/>
      <c r="G2" s="190"/>
      <c r="H2" s="190"/>
      <c r="I2" s="190"/>
      <c r="J2" s="190"/>
      <c r="K2" s="190"/>
    </row>
    <row r="3" spans="1:11" x14ac:dyDescent="0.15">
      <c r="A3" s="190"/>
      <c r="B3" s="190"/>
      <c r="C3" s="190"/>
      <c r="D3" s="190"/>
      <c r="E3" s="190"/>
      <c r="F3" s="190"/>
      <c r="G3" s="190"/>
      <c r="H3" s="190"/>
      <c r="I3" s="190"/>
      <c r="J3" s="190"/>
      <c r="K3" s="190"/>
    </row>
    <row r="4" spans="1:11" x14ac:dyDescent="0.15">
      <c r="A4" s="190"/>
      <c r="B4" s="190"/>
      <c r="C4" s="190"/>
      <c r="D4" s="190"/>
      <c r="E4" s="190"/>
      <c r="F4" s="190"/>
      <c r="G4" s="190"/>
      <c r="H4" s="190"/>
      <c r="I4" s="190"/>
      <c r="J4" s="190"/>
      <c r="K4" s="190"/>
    </row>
    <row r="5" spans="1:11" x14ac:dyDescent="0.15">
      <c r="A5" s="190"/>
      <c r="B5" s="190"/>
      <c r="C5" s="190"/>
      <c r="D5" s="190"/>
      <c r="E5" s="190"/>
      <c r="F5" s="190"/>
      <c r="G5" s="190"/>
      <c r="H5" s="190"/>
      <c r="I5" s="190"/>
      <c r="J5" s="190"/>
      <c r="K5" s="190"/>
    </row>
    <row r="6" spans="1:11" ht="32.25" x14ac:dyDescent="0.15">
      <c r="A6" s="315" t="s">
        <v>37</v>
      </c>
      <c r="B6" s="316"/>
      <c r="C6" s="316"/>
      <c r="D6" s="316"/>
      <c r="E6" s="316"/>
      <c r="F6" s="316"/>
      <c r="G6" s="316"/>
      <c r="H6" s="316"/>
      <c r="I6" s="316"/>
      <c r="J6" s="316"/>
      <c r="K6" s="316"/>
    </row>
    <row r="7" spans="1:11" ht="32.25" x14ac:dyDescent="0.15">
      <c r="A7" s="190"/>
      <c r="B7" s="56"/>
      <c r="C7" s="190"/>
      <c r="D7" s="190"/>
      <c r="E7" s="190"/>
      <c r="F7" s="190"/>
      <c r="G7" s="190"/>
      <c r="H7" s="190"/>
      <c r="I7" s="190"/>
      <c r="J7" s="190"/>
      <c r="K7" s="190"/>
    </row>
    <row r="8" spans="1:11" ht="32.25" x14ac:dyDescent="0.15">
      <c r="A8" s="190"/>
      <c r="B8" s="56"/>
      <c r="C8" s="190"/>
      <c r="D8" s="190"/>
      <c r="E8" s="190"/>
      <c r="F8" s="190"/>
      <c r="G8" s="190"/>
      <c r="H8" s="190"/>
      <c r="I8" s="190"/>
      <c r="J8" s="190"/>
      <c r="K8" s="190"/>
    </row>
    <row r="9" spans="1:11" ht="32.25" x14ac:dyDescent="0.15">
      <c r="A9" s="190"/>
      <c r="B9" s="56"/>
      <c r="C9" s="190"/>
      <c r="D9" s="190"/>
      <c r="E9" s="190"/>
      <c r="F9" s="190"/>
      <c r="G9" s="190"/>
      <c r="H9" s="190"/>
      <c r="I9" s="190"/>
      <c r="J9" s="190"/>
      <c r="K9" s="190"/>
    </row>
    <row r="10" spans="1:11" ht="32.25" x14ac:dyDescent="0.15">
      <c r="A10" s="190"/>
      <c r="B10" s="56"/>
      <c r="C10" s="190"/>
      <c r="D10" s="190"/>
      <c r="E10" s="190"/>
      <c r="F10" s="190"/>
      <c r="G10" s="190"/>
      <c r="H10" s="190"/>
      <c r="I10" s="190"/>
      <c r="J10" s="190"/>
      <c r="K10" s="190"/>
    </row>
    <row r="11" spans="1:11" x14ac:dyDescent="0.15">
      <c r="A11" s="190"/>
      <c r="B11" s="190"/>
      <c r="C11" s="190"/>
      <c r="D11" s="190"/>
      <c r="E11" s="190"/>
      <c r="F11" s="190"/>
      <c r="G11" s="190"/>
      <c r="H11" s="190"/>
      <c r="I11" s="190"/>
      <c r="J11" s="190"/>
      <c r="K11" s="190"/>
    </row>
    <row r="12" spans="1:11" x14ac:dyDescent="0.15">
      <c r="A12" s="190"/>
      <c r="B12" s="190"/>
      <c r="C12" s="190"/>
      <c r="D12" s="190"/>
      <c r="E12" s="190"/>
      <c r="F12" s="190"/>
      <c r="G12" s="190"/>
      <c r="H12" s="190"/>
      <c r="I12" s="190"/>
      <c r="J12" s="190"/>
      <c r="K12" s="190"/>
    </row>
    <row r="13" spans="1:11" ht="21.75" thickBot="1" x14ac:dyDescent="0.2">
      <c r="A13" s="190"/>
      <c r="B13" s="64"/>
      <c r="C13" s="64"/>
      <c r="D13" s="64"/>
      <c r="E13" s="64"/>
      <c r="F13" s="64"/>
      <c r="G13" s="64"/>
      <c r="H13" s="59" t="s">
        <v>38</v>
      </c>
      <c r="I13" s="190"/>
      <c r="J13" s="190"/>
      <c r="K13" s="190"/>
    </row>
    <row r="14" spans="1:11" ht="14.25" thickTop="1" x14ac:dyDescent="0.15">
      <c r="A14" s="190"/>
      <c r="B14" s="190"/>
      <c r="C14" s="190"/>
      <c r="D14" s="190"/>
      <c r="E14" s="190"/>
      <c r="F14" s="190"/>
      <c r="G14" s="190"/>
      <c r="H14" s="190"/>
      <c r="I14" s="190"/>
      <c r="J14" s="190"/>
      <c r="K14" s="190"/>
    </row>
    <row r="15" spans="1:11" x14ac:dyDescent="0.15">
      <c r="A15" s="190"/>
      <c r="B15" s="190"/>
      <c r="C15" s="190"/>
      <c r="D15" s="190"/>
      <c r="E15" s="190"/>
      <c r="F15" s="190"/>
      <c r="G15" s="190"/>
      <c r="H15" s="190"/>
      <c r="I15" s="190"/>
      <c r="J15" s="190"/>
      <c r="K15" s="190"/>
    </row>
    <row r="16" spans="1:11" x14ac:dyDescent="0.15">
      <c r="A16" s="190"/>
      <c r="B16" s="190"/>
      <c r="C16" s="190"/>
      <c r="D16" s="190"/>
      <c r="E16" s="190"/>
      <c r="F16" s="190"/>
      <c r="G16" s="190"/>
      <c r="H16" s="190"/>
      <c r="I16" s="190"/>
      <c r="J16" s="190"/>
      <c r="K16" s="190"/>
    </row>
    <row r="17" spans="1:11" x14ac:dyDescent="0.15">
      <c r="A17" s="190"/>
      <c r="B17" s="190"/>
      <c r="C17" s="190"/>
      <c r="D17" s="190"/>
      <c r="E17" s="190"/>
      <c r="F17" s="190"/>
      <c r="G17" s="190"/>
      <c r="H17" s="190"/>
      <c r="I17" s="190"/>
      <c r="J17" s="190"/>
      <c r="K17" s="190"/>
    </row>
    <row r="18" spans="1:11" x14ac:dyDescent="0.15">
      <c r="A18" s="190"/>
      <c r="B18" s="190"/>
      <c r="C18" s="190"/>
      <c r="D18" s="190"/>
      <c r="E18" s="190"/>
      <c r="F18" s="190"/>
      <c r="G18" s="190"/>
      <c r="H18" s="190"/>
      <c r="I18" s="190"/>
      <c r="J18" s="190"/>
      <c r="K18" s="190"/>
    </row>
    <row r="19" spans="1:11" ht="21" x14ac:dyDescent="0.15">
      <c r="A19" s="190"/>
      <c r="B19" s="59" t="s">
        <v>39</v>
      </c>
      <c r="C19" s="190"/>
      <c r="D19" s="190"/>
      <c r="E19" s="190"/>
      <c r="F19" s="190"/>
      <c r="G19" s="190"/>
      <c r="H19" s="190"/>
      <c r="I19" s="190"/>
      <c r="J19" s="190"/>
      <c r="K19" s="190"/>
    </row>
    <row r="20" spans="1:11" ht="21" x14ac:dyDescent="0.15">
      <c r="A20" s="190"/>
      <c r="B20" s="59"/>
      <c r="C20" s="190"/>
      <c r="D20" s="190"/>
      <c r="E20" s="190"/>
      <c r="F20" s="190"/>
      <c r="G20" s="190"/>
      <c r="H20" s="190"/>
      <c r="I20" s="190"/>
      <c r="J20" s="190"/>
      <c r="K20" s="190"/>
    </row>
    <row r="21" spans="1:11" ht="21" x14ac:dyDescent="0.15">
      <c r="A21" s="190"/>
      <c r="B21" s="59" t="s">
        <v>319</v>
      </c>
      <c r="C21" s="190"/>
      <c r="D21" s="190"/>
      <c r="E21" s="190"/>
      <c r="G21" s="190"/>
      <c r="H21" s="190"/>
      <c r="I21" s="190"/>
      <c r="J21" s="190"/>
      <c r="K21" s="190"/>
    </row>
    <row r="22" spans="1:11" ht="21" x14ac:dyDescent="0.15">
      <c r="A22" s="190"/>
      <c r="B22" s="59"/>
      <c r="C22" s="190"/>
      <c r="D22" s="190"/>
      <c r="E22" s="190"/>
      <c r="G22" s="190"/>
      <c r="H22" s="190"/>
      <c r="I22" s="190"/>
      <c r="J22" s="190"/>
      <c r="K22" s="190"/>
    </row>
    <row r="23" spans="1:11" ht="21" x14ac:dyDescent="0.15">
      <c r="A23" s="190"/>
      <c r="B23" s="60" t="s">
        <v>45</v>
      </c>
      <c r="C23" s="190"/>
      <c r="D23" s="190"/>
      <c r="E23" s="190"/>
      <c r="F23" s="190"/>
      <c r="G23" s="190"/>
      <c r="H23" s="190"/>
      <c r="I23" s="190"/>
      <c r="J23" s="190"/>
      <c r="K23" s="190"/>
    </row>
    <row r="24" spans="1:11" ht="21" x14ac:dyDescent="0.15">
      <c r="A24" s="190"/>
      <c r="B24" s="60"/>
      <c r="C24" s="190"/>
      <c r="D24" s="190"/>
      <c r="E24" s="190"/>
      <c r="F24" s="190"/>
      <c r="G24" s="190"/>
      <c r="H24" s="190"/>
      <c r="I24" s="190"/>
      <c r="J24" s="190"/>
      <c r="K24" s="190"/>
    </row>
    <row r="25" spans="1:11" ht="21" x14ac:dyDescent="0.15">
      <c r="A25" s="190"/>
      <c r="B25" s="61" t="s">
        <v>44</v>
      </c>
      <c r="C25" s="190"/>
      <c r="D25" s="190"/>
      <c r="E25" s="190"/>
      <c r="F25" s="190"/>
      <c r="G25" s="190"/>
      <c r="H25" s="190"/>
      <c r="I25" s="190"/>
      <c r="J25" s="190"/>
      <c r="K25" s="190"/>
    </row>
    <row r="26" spans="1:11" ht="21" x14ac:dyDescent="0.15">
      <c r="A26" s="190"/>
      <c r="B26" s="61"/>
      <c r="C26" s="190"/>
      <c r="D26" s="190"/>
      <c r="E26" s="190"/>
      <c r="F26" s="190"/>
      <c r="G26" s="190"/>
      <c r="H26" s="190"/>
      <c r="I26" s="190"/>
      <c r="J26" s="190"/>
      <c r="K26" s="190"/>
    </row>
    <row r="27" spans="1:11" ht="21" x14ac:dyDescent="0.15">
      <c r="A27" s="190"/>
      <c r="B27" s="57" t="s">
        <v>46</v>
      </c>
      <c r="C27" s="190"/>
      <c r="D27" s="190"/>
      <c r="E27" s="190"/>
      <c r="F27" s="190"/>
      <c r="G27" s="190"/>
      <c r="H27" s="190"/>
      <c r="I27" s="190"/>
      <c r="J27" s="190"/>
      <c r="K27" s="190"/>
    </row>
    <row r="28" spans="1:11" ht="21" x14ac:dyDescent="0.15">
      <c r="A28" s="190"/>
      <c r="B28" s="57"/>
      <c r="C28" s="190"/>
      <c r="D28" s="190"/>
      <c r="E28" s="190"/>
      <c r="F28" s="190"/>
      <c r="G28" s="190"/>
      <c r="H28" s="190"/>
      <c r="I28" s="190"/>
      <c r="J28" s="190"/>
      <c r="K28" s="190"/>
    </row>
    <row r="29" spans="1:11" ht="21" x14ac:dyDescent="0.15">
      <c r="A29" s="190"/>
      <c r="B29" s="59" t="s">
        <v>41</v>
      </c>
      <c r="C29" s="190"/>
      <c r="D29" s="190"/>
      <c r="E29" s="190"/>
      <c r="F29" s="190"/>
      <c r="G29" s="190"/>
      <c r="H29" s="190"/>
      <c r="I29" s="190"/>
      <c r="J29" s="190"/>
      <c r="K29" s="190"/>
    </row>
    <row r="30" spans="1:11" ht="21" x14ac:dyDescent="0.15">
      <c r="A30" s="190"/>
      <c r="B30" s="59"/>
      <c r="C30" s="190"/>
      <c r="D30" s="190"/>
      <c r="E30" s="190"/>
      <c r="F30" s="190"/>
      <c r="G30" s="190"/>
      <c r="H30" s="190"/>
      <c r="I30" s="190"/>
      <c r="J30" s="190"/>
      <c r="K30" s="190"/>
    </row>
    <row r="31" spans="1:11" ht="21" x14ac:dyDescent="0.15">
      <c r="A31" s="190"/>
      <c r="B31" s="59"/>
      <c r="C31" s="190"/>
      <c r="D31" s="190"/>
      <c r="E31" s="190"/>
      <c r="F31" s="190"/>
      <c r="G31" s="190"/>
      <c r="H31" s="190"/>
      <c r="I31" s="190"/>
      <c r="J31" s="190"/>
      <c r="K31" s="190"/>
    </row>
    <row r="32" spans="1:11" ht="21" x14ac:dyDescent="0.15">
      <c r="A32" s="190"/>
      <c r="B32" s="59"/>
      <c r="C32" s="190"/>
      <c r="D32" s="190"/>
      <c r="E32" s="190"/>
      <c r="F32" s="190"/>
      <c r="G32" s="190"/>
      <c r="H32" s="190"/>
      <c r="I32" s="190"/>
      <c r="J32" s="190"/>
      <c r="K32" s="190"/>
    </row>
    <row r="33" spans="1:11" ht="21" x14ac:dyDescent="0.15">
      <c r="A33" s="190"/>
      <c r="B33" s="59"/>
      <c r="C33" s="190"/>
      <c r="D33" s="190"/>
      <c r="E33" s="190"/>
      <c r="F33" s="190"/>
      <c r="G33" s="190"/>
      <c r="H33" s="190"/>
      <c r="I33" s="190"/>
      <c r="J33" s="190"/>
      <c r="K33" s="190"/>
    </row>
    <row r="34" spans="1:11" ht="21" x14ac:dyDescent="0.15">
      <c r="A34" s="190"/>
      <c r="B34" s="57"/>
      <c r="C34" s="190"/>
      <c r="D34" s="190"/>
      <c r="E34" s="190"/>
      <c r="F34" s="190"/>
      <c r="G34" s="190"/>
      <c r="H34" s="190"/>
      <c r="I34" s="190"/>
      <c r="J34" s="190"/>
      <c r="K34" s="190"/>
    </row>
    <row r="35" spans="1:11" ht="12.95" customHeight="1" x14ac:dyDescent="0.15">
      <c r="A35" s="190"/>
      <c r="B35" s="190"/>
      <c r="C35" s="190"/>
      <c r="D35" s="190"/>
      <c r="E35" s="190"/>
      <c r="F35" s="190"/>
      <c r="G35" s="190"/>
      <c r="H35" s="214" t="s">
        <v>42</v>
      </c>
      <c r="I35" s="215"/>
      <c r="J35" s="190"/>
      <c r="K35" s="190"/>
    </row>
    <row r="36" spans="1:11" ht="21" x14ac:dyDescent="0.15">
      <c r="A36" s="190"/>
      <c r="B36" s="190"/>
      <c r="C36" s="190"/>
      <c r="D36" s="190"/>
      <c r="E36" s="190"/>
      <c r="F36" s="190"/>
      <c r="G36" s="190"/>
      <c r="H36" s="190"/>
      <c r="I36" s="63" t="s">
        <v>47</v>
      </c>
      <c r="J36" s="190"/>
      <c r="K36" s="190"/>
    </row>
    <row r="37" spans="1:11" x14ac:dyDescent="0.15">
      <c r="A37" s="190"/>
      <c r="B37" s="190"/>
      <c r="C37" s="190"/>
      <c r="D37" s="190"/>
      <c r="E37" s="190"/>
      <c r="F37" s="190"/>
      <c r="G37" s="190"/>
      <c r="H37" s="190"/>
      <c r="I37" s="190"/>
      <c r="J37" s="190"/>
      <c r="K37" s="190"/>
    </row>
    <row r="38" spans="1:11" ht="21" x14ac:dyDescent="0.15">
      <c r="A38" s="190"/>
      <c r="B38" s="190"/>
      <c r="C38" s="190"/>
      <c r="D38" s="190"/>
      <c r="E38" s="190"/>
      <c r="F38" s="190"/>
      <c r="G38" s="190"/>
      <c r="H38" s="57" t="s">
        <v>48</v>
      </c>
      <c r="I38" s="190"/>
      <c r="J38" s="190"/>
      <c r="K38" s="190"/>
    </row>
    <row r="39" spans="1:11" ht="21" x14ac:dyDescent="0.15">
      <c r="A39" s="190"/>
      <c r="B39" s="190"/>
      <c r="C39" s="190"/>
      <c r="D39" s="190"/>
      <c r="E39" s="190"/>
      <c r="F39" s="190"/>
      <c r="G39" s="190"/>
      <c r="H39" s="190"/>
      <c r="I39" s="57" t="s">
        <v>47</v>
      </c>
      <c r="J39" s="190"/>
      <c r="K39" s="190"/>
    </row>
    <row r="40" spans="1:11" x14ac:dyDescent="0.15">
      <c r="A40" s="190"/>
      <c r="B40" s="190"/>
      <c r="C40" s="190"/>
      <c r="D40" s="190"/>
      <c r="E40" s="190"/>
      <c r="F40" s="190"/>
      <c r="G40" s="190"/>
      <c r="H40" s="190"/>
      <c r="I40" s="190"/>
      <c r="J40" s="190"/>
      <c r="K40" s="190"/>
    </row>
    <row r="41" spans="1:11" x14ac:dyDescent="0.15">
      <c r="A41" s="190"/>
      <c r="B41" s="190"/>
      <c r="C41" s="190"/>
      <c r="D41" s="190"/>
      <c r="E41" s="190"/>
      <c r="F41" s="190"/>
      <c r="G41" s="190"/>
      <c r="H41" s="190"/>
      <c r="I41" s="190"/>
      <c r="J41" s="190"/>
      <c r="K41" s="190"/>
    </row>
    <row r="42" spans="1:11" x14ac:dyDescent="0.15">
      <c r="A42" s="190"/>
      <c r="B42" s="190"/>
      <c r="C42" s="190"/>
      <c r="D42" s="190"/>
      <c r="E42" s="190"/>
      <c r="F42" s="190"/>
      <c r="G42" s="190"/>
      <c r="H42" s="190"/>
      <c r="I42" s="190"/>
      <c r="J42" s="190"/>
      <c r="K42" s="190"/>
    </row>
    <row r="43" spans="1:11" x14ac:dyDescent="0.15">
      <c r="A43" s="190"/>
      <c r="B43" s="190"/>
      <c r="C43" s="190"/>
      <c r="D43" s="190"/>
      <c r="E43" s="190"/>
      <c r="F43" s="190"/>
      <c r="G43" s="190"/>
      <c r="H43" s="190"/>
      <c r="I43" s="190"/>
      <c r="J43" s="190"/>
      <c r="K43" s="190"/>
    </row>
    <row r="44" spans="1:11" x14ac:dyDescent="0.15">
      <c r="A44" s="190"/>
      <c r="B44" s="190"/>
      <c r="C44" s="190"/>
      <c r="D44" s="190"/>
      <c r="E44" s="190"/>
      <c r="F44" s="190"/>
      <c r="G44" s="190"/>
      <c r="H44" s="190"/>
      <c r="I44" s="190"/>
      <c r="J44" s="190"/>
      <c r="K44" s="190"/>
    </row>
    <row r="45" spans="1:11" x14ac:dyDescent="0.15">
      <c r="A45" s="190"/>
      <c r="B45" s="190"/>
      <c r="C45" s="190"/>
      <c r="D45" s="190"/>
      <c r="E45" s="190"/>
      <c r="F45" s="190"/>
      <c r="G45" s="190"/>
      <c r="H45" s="190"/>
      <c r="I45" s="190"/>
      <c r="J45" s="190"/>
      <c r="K45" s="190"/>
    </row>
    <row r="46" spans="1:11" ht="17.25" x14ac:dyDescent="0.15">
      <c r="A46" s="90" t="s">
        <v>49</v>
      </c>
      <c r="B46" s="190"/>
      <c r="C46" s="190"/>
      <c r="D46" s="190"/>
      <c r="E46" s="190"/>
      <c r="F46" s="190"/>
      <c r="G46" s="190"/>
      <c r="H46" s="190"/>
      <c r="I46" s="190"/>
      <c r="J46" s="190"/>
      <c r="K46" s="190"/>
    </row>
    <row r="47" spans="1:11" x14ac:dyDescent="0.15">
      <c r="A47" s="190"/>
      <c r="B47" s="190"/>
      <c r="C47" s="190"/>
      <c r="D47" s="190"/>
      <c r="E47" s="190"/>
      <c r="F47" s="190"/>
      <c r="G47" s="190"/>
      <c r="H47" s="190"/>
      <c r="I47" s="190"/>
      <c r="J47" s="190"/>
      <c r="K47" s="190"/>
    </row>
    <row r="48" spans="1:11" ht="17.25" x14ac:dyDescent="0.15">
      <c r="A48" s="190"/>
      <c r="B48" s="90" t="s">
        <v>50</v>
      </c>
      <c r="C48" s="190"/>
      <c r="D48" s="190"/>
      <c r="E48" s="190"/>
      <c r="F48" s="190"/>
      <c r="G48" s="190"/>
      <c r="H48" s="190"/>
      <c r="I48" s="190"/>
      <c r="J48" s="190"/>
      <c r="K48" s="190"/>
    </row>
    <row r="49" spans="1:11" ht="17.25" x14ac:dyDescent="0.15">
      <c r="A49" s="190"/>
      <c r="B49" s="90"/>
      <c r="C49" s="190"/>
      <c r="D49" s="190"/>
      <c r="E49" s="190"/>
      <c r="F49" s="190"/>
      <c r="G49" s="190"/>
      <c r="H49" s="190"/>
      <c r="I49" s="190"/>
      <c r="J49" s="190"/>
      <c r="K49" s="190"/>
    </row>
    <row r="50" spans="1:11" ht="17.25" x14ac:dyDescent="0.15">
      <c r="A50" s="190"/>
      <c r="B50" s="90" t="s">
        <v>51</v>
      </c>
      <c r="C50" s="190"/>
      <c r="D50" s="190"/>
      <c r="E50" s="190"/>
      <c r="F50" s="190"/>
      <c r="G50" s="190"/>
      <c r="H50" s="190"/>
      <c r="I50" s="190"/>
      <c r="J50" s="190"/>
      <c r="K50" s="190"/>
    </row>
    <row r="51" spans="1:11" ht="17.25" x14ac:dyDescent="0.15">
      <c r="A51" s="190"/>
      <c r="B51" s="90"/>
      <c r="C51" s="190"/>
      <c r="D51" s="190"/>
      <c r="E51" s="190"/>
      <c r="F51" s="190"/>
      <c r="G51" s="190"/>
      <c r="H51" s="190"/>
      <c r="I51" s="190"/>
      <c r="J51" s="190"/>
      <c r="K51" s="190"/>
    </row>
    <row r="52" spans="1:11" ht="17.25" x14ac:dyDescent="0.15">
      <c r="A52" s="190"/>
      <c r="B52" s="90" t="s">
        <v>52</v>
      </c>
      <c r="C52" s="190"/>
      <c r="D52" s="190"/>
      <c r="E52" s="190"/>
      <c r="F52" s="190"/>
      <c r="G52" s="190"/>
      <c r="H52" s="190"/>
      <c r="I52" s="190"/>
      <c r="J52" s="190"/>
      <c r="K52" s="190"/>
    </row>
    <row r="53" spans="1:11" ht="17.25" x14ac:dyDescent="0.15">
      <c r="A53" s="190"/>
      <c r="B53" s="90"/>
      <c r="C53" s="190"/>
      <c r="D53" s="190"/>
      <c r="E53" s="190"/>
      <c r="F53" s="190"/>
      <c r="G53" s="190"/>
      <c r="H53" s="190"/>
      <c r="I53" s="190"/>
      <c r="J53" s="190"/>
      <c r="K53" s="190"/>
    </row>
    <row r="54" spans="1:11" ht="17.25" x14ac:dyDescent="0.15">
      <c r="A54" s="190"/>
      <c r="B54" s="90" t="s">
        <v>97</v>
      </c>
      <c r="C54" s="190"/>
      <c r="D54" s="190"/>
      <c r="E54" s="190"/>
      <c r="F54" s="190"/>
      <c r="G54" s="190"/>
      <c r="H54" s="190"/>
      <c r="I54" s="190"/>
      <c r="J54" s="190"/>
      <c r="K54" s="190"/>
    </row>
    <row r="55" spans="1:11" ht="17.25" x14ac:dyDescent="0.15">
      <c r="A55" s="190"/>
      <c r="B55" s="90"/>
      <c r="C55" s="190"/>
      <c r="D55" s="190"/>
      <c r="E55" s="190"/>
      <c r="F55" s="190"/>
      <c r="G55" s="190"/>
      <c r="H55" s="190"/>
      <c r="I55" s="190"/>
      <c r="J55" s="190"/>
      <c r="K55" s="190"/>
    </row>
    <row r="56" spans="1:11" ht="17.25" x14ac:dyDescent="0.15">
      <c r="A56" s="190"/>
      <c r="B56" s="90" t="s">
        <v>98</v>
      </c>
      <c r="C56" s="190"/>
      <c r="D56" s="190"/>
      <c r="E56" s="190"/>
      <c r="F56" s="190"/>
      <c r="G56" s="190"/>
      <c r="H56" s="190"/>
      <c r="I56" s="190"/>
      <c r="J56" s="190"/>
      <c r="K56" s="190"/>
    </row>
    <row r="57" spans="1:11" x14ac:dyDescent="0.15">
      <c r="A57" s="190"/>
      <c r="B57" s="190"/>
      <c r="C57" s="190"/>
      <c r="D57" s="190"/>
      <c r="E57" s="190"/>
      <c r="F57" s="190"/>
      <c r="G57" s="190"/>
      <c r="H57" s="190"/>
      <c r="I57" s="190"/>
      <c r="J57" s="190"/>
      <c r="K57" s="190"/>
    </row>
    <row r="58" spans="1:11" x14ac:dyDescent="0.15">
      <c r="A58" s="190"/>
      <c r="B58" s="190"/>
      <c r="C58" s="190"/>
      <c r="D58" s="190"/>
      <c r="E58" s="190"/>
      <c r="F58" s="190"/>
      <c r="G58" s="190"/>
      <c r="H58" s="190"/>
      <c r="I58" s="190"/>
      <c r="J58" s="190"/>
      <c r="K58" s="190"/>
    </row>
    <row r="59" spans="1:11" ht="17.25" x14ac:dyDescent="0.15">
      <c r="A59" s="90" t="s">
        <v>53</v>
      </c>
      <c r="B59" s="190"/>
      <c r="C59" s="190"/>
      <c r="D59" s="190"/>
      <c r="E59" s="190"/>
      <c r="F59" s="190"/>
      <c r="G59" s="190"/>
      <c r="H59" s="190"/>
      <c r="I59" s="190"/>
      <c r="J59" s="190"/>
      <c r="K59" s="190"/>
    </row>
    <row r="60" spans="1:11" x14ac:dyDescent="0.15">
      <c r="A60" s="190"/>
      <c r="B60" s="190"/>
      <c r="C60" s="190"/>
      <c r="D60" s="190"/>
      <c r="E60" s="190"/>
      <c r="F60" s="190"/>
      <c r="G60" s="190"/>
      <c r="H60" s="190"/>
      <c r="I60" s="190"/>
      <c r="J60" s="190"/>
      <c r="K60" s="190"/>
    </row>
    <row r="61" spans="1:11" ht="17.25" x14ac:dyDescent="0.15">
      <c r="A61" s="190"/>
      <c r="B61" s="90" t="s">
        <v>99</v>
      </c>
      <c r="C61" s="190"/>
      <c r="D61" s="190"/>
      <c r="E61" s="190"/>
      <c r="F61" s="190"/>
      <c r="G61" s="190"/>
      <c r="H61" s="190"/>
      <c r="I61" s="190"/>
      <c r="J61" s="190"/>
      <c r="K61" s="190"/>
    </row>
    <row r="62" spans="1:11" ht="17.25" x14ac:dyDescent="0.15">
      <c r="A62" s="190"/>
      <c r="B62" s="90"/>
      <c r="C62" s="190"/>
      <c r="D62" s="190"/>
      <c r="E62" s="190"/>
      <c r="F62" s="190"/>
      <c r="G62" s="190"/>
      <c r="H62" s="190"/>
      <c r="I62" s="190"/>
      <c r="J62" s="190"/>
      <c r="K62" s="190"/>
    </row>
    <row r="63" spans="1:11" ht="17.25" x14ac:dyDescent="0.15">
      <c r="A63" s="190"/>
      <c r="B63" s="91" t="s">
        <v>100</v>
      </c>
      <c r="C63" s="190"/>
      <c r="D63" s="190"/>
      <c r="E63" s="190"/>
      <c r="F63" s="190"/>
      <c r="G63" s="190"/>
      <c r="H63" s="190"/>
      <c r="I63" s="190"/>
      <c r="J63" s="190"/>
      <c r="K63" s="190"/>
    </row>
    <row r="64" spans="1:11" ht="17.25" x14ac:dyDescent="0.15">
      <c r="A64" s="190"/>
      <c r="B64" s="91"/>
      <c r="C64" s="190"/>
      <c r="D64" s="190"/>
      <c r="E64" s="190"/>
      <c r="F64" s="190"/>
      <c r="G64" s="190"/>
      <c r="H64" s="190"/>
      <c r="I64" s="190"/>
      <c r="J64" s="190"/>
      <c r="K64" s="190"/>
    </row>
    <row r="65" spans="1:11" ht="17.25" x14ac:dyDescent="0.15">
      <c r="A65" s="190"/>
      <c r="B65" s="91" t="s">
        <v>54</v>
      </c>
      <c r="C65" s="190"/>
      <c r="D65" s="190"/>
      <c r="E65" s="190"/>
      <c r="F65" s="190"/>
      <c r="G65" s="190"/>
      <c r="H65" s="190"/>
      <c r="I65" s="190"/>
      <c r="J65" s="190"/>
      <c r="K65" s="190"/>
    </row>
    <row r="66" spans="1:11" ht="17.25" x14ac:dyDescent="0.15">
      <c r="A66" s="190"/>
      <c r="B66" s="91"/>
      <c r="C66" s="190"/>
      <c r="D66" s="190"/>
      <c r="E66" s="190"/>
      <c r="F66" s="190"/>
      <c r="G66" s="190"/>
      <c r="H66" s="190"/>
      <c r="I66" s="190"/>
      <c r="J66" s="190"/>
      <c r="K66" s="190"/>
    </row>
    <row r="67" spans="1:11" ht="17.25" x14ac:dyDescent="0.15">
      <c r="A67" s="190"/>
      <c r="B67" s="90" t="s">
        <v>55</v>
      </c>
      <c r="C67" s="190"/>
      <c r="D67" s="190"/>
      <c r="E67" s="190"/>
      <c r="F67" s="190"/>
      <c r="G67" s="190"/>
      <c r="H67" s="190"/>
      <c r="I67" s="190"/>
      <c r="J67" s="190"/>
      <c r="K67" s="190"/>
    </row>
    <row r="68" spans="1:11" ht="17.25" x14ac:dyDescent="0.15">
      <c r="A68" s="190"/>
      <c r="B68" s="90"/>
      <c r="C68" s="190"/>
      <c r="D68" s="190"/>
      <c r="E68" s="190"/>
      <c r="F68" s="190"/>
      <c r="G68" s="190"/>
      <c r="H68" s="190"/>
      <c r="I68" s="190"/>
      <c r="J68" s="190"/>
      <c r="K68" s="190"/>
    </row>
    <row r="69" spans="1:11" ht="17.25" x14ac:dyDescent="0.15">
      <c r="A69" s="190"/>
      <c r="B69" s="90" t="s">
        <v>56</v>
      </c>
      <c r="C69" s="190"/>
      <c r="D69" s="190"/>
      <c r="E69" s="190"/>
      <c r="F69" s="190"/>
      <c r="G69" s="190"/>
      <c r="H69" s="190"/>
      <c r="I69" s="190"/>
      <c r="J69" s="190"/>
      <c r="K69" s="190"/>
    </row>
    <row r="70" spans="1:11" ht="17.25" x14ac:dyDescent="0.15">
      <c r="A70" s="190"/>
      <c r="B70" s="90"/>
      <c r="C70" s="190"/>
      <c r="D70" s="190"/>
      <c r="E70" s="190"/>
      <c r="F70" s="190"/>
      <c r="G70" s="190"/>
      <c r="H70" s="190"/>
      <c r="I70" s="190"/>
      <c r="J70" s="190"/>
      <c r="K70" s="190"/>
    </row>
    <row r="71" spans="1:11" ht="17.25" x14ac:dyDescent="0.15">
      <c r="A71" s="190"/>
      <c r="B71" s="90" t="s">
        <v>320</v>
      </c>
      <c r="C71" s="190"/>
      <c r="D71" s="190"/>
      <c r="E71" s="190"/>
      <c r="F71" s="190"/>
      <c r="G71" s="190"/>
      <c r="H71" s="190"/>
      <c r="I71" s="190"/>
      <c r="J71" s="190"/>
      <c r="K71" s="190"/>
    </row>
    <row r="72" spans="1:11" ht="17.25" x14ac:dyDescent="0.15">
      <c r="A72" s="190"/>
      <c r="B72" s="90"/>
      <c r="C72" s="190"/>
      <c r="D72" s="190"/>
      <c r="E72" s="190"/>
      <c r="F72" s="190"/>
      <c r="G72" s="190"/>
      <c r="H72" s="190"/>
      <c r="I72" s="190"/>
      <c r="J72" s="190"/>
      <c r="K72" s="190"/>
    </row>
    <row r="73" spans="1:11" ht="17.25" x14ac:dyDescent="0.15">
      <c r="A73" s="190"/>
      <c r="B73" s="90" t="s">
        <v>58</v>
      </c>
      <c r="C73" s="190"/>
      <c r="D73" s="190"/>
      <c r="E73" s="190"/>
      <c r="F73" s="190"/>
      <c r="G73" s="190"/>
      <c r="H73" s="190"/>
      <c r="I73" s="190"/>
      <c r="J73" s="190"/>
      <c r="K73" s="190"/>
    </row>
    <row r="74" spans="1:11" x14ac:dyDescent="0.15">
      <c r="A74" s="190"/>
      <c r="B74" s="190"/>
      <c r="C74" s="190"/>
      <c r="D74" s="190"/>
      <c r="E74" s="190"/>
      <c r="F74" s="190"/>
      <c r="G74" s="190"/>
      <c r="H74" s="190"/>
      <c r="I74" s="190"/>
      <c r="J74" s="190"/>
      <c r="K74" s="190"/>
    </row>
    <row r="75" spans="1:11" x14ac:dyDescent="0.15">
      <c r="A75" s="190"/>
      <c r="B75" s="190"/>
      <c r="C75" s="190"/>
      <c r="D75" s="190"/>
      <c r="E75" s="190"/>
      <c r="F75" s="190"/>
      <c r="G75" s="190"/>
      <c r="H75" s="190"/>
      <c r="I75" s="190"/>
      <c r="J75" s="190"/>
      <c r="K75" s="190"/>
    </row>
    <row r="76" spans="1:11" x14ac:dyDescent="0.15">
      <c r="A76" s="190"/>
      <c r="B76" s="190"/>
      <c r="C76" s="190"/>
      <c r="D76" s="190"/>
      <c r="E76" s="190"/>
      <c r="F76" s="190"/>
      <c r="G76" s="190"/>
      <c r="H76" s="190"/>
      <c r="I76" s="190"/>
      <c r="J76" s="190"/>
      <c r="K76" s="190"/>
    </row>
    <row r="77" spans="1:11" x14ac:dyDescent="0.15">
      <c r="A77" s="190"/>
      <c r="B77" s="190"/>
      <c r="C77" s="190"/>
      <c r="D77" s="190"/>
      <c r="E77" s="190"/>
      <c r="F77" s="190"/>
      <c r="G77" s="190"/>
      <c r="H77" s="190"/>
      <c r="I77" s="190"/>
      <c r="J77" s="190"/>
      <c r="K77" s="190"/>
    </row>
    <row r="78" spans="1:11" x14ac:dyDescent="0.15">
      <c r="A78" s="190"/>
      <c r="B78" s="190"/>
      <c r="C78" s="190"/>
      <c r="D78" s="190"/>
      <c r="E78" s="190"/>
      <c r="F78" s="190"/>
      <c r="G78" s="190"/>
      <c r="H78" s="190"/>
      <c r="I78" s="190"/>
      <c r="J78" s="190"/>
      <c r="K78" s="190"/>
    </row>
    <row r="79" spans="1:11" x14ac:dyDescent="0.15">
      <c r="A79" s="190"/>
      <c r="B79" s="190"/>
      <c r="C79" s="190"/>
      <c r="D79" s="190"/>
      <c r="E79" s="190"/>
      <c r="F79" s="190"/>
      <c r="G79" s="190"/>
      <c r="H79" s="190"/>
      <c r="I79" s="190"/>
      <c r="J79" s="190"/>
      <c r="K79" s="190"/>
    </row>
    <row r="80" spans="1:11" x14ac:dyDescent="0.15">
      <c r="A80" s="190"/>
      <c r="B80" s="190"/>
      <c r="C80" s="190"/>
      <c r="D80" s="190"/>
      <c r="E80" s="190"/>
      <c r="F80" s="190"/>
      <c r="G80" s="190"/>
      <c r="H80" s="190"/>
      <c r="I80" s="190"/>
      <c r="J80" s="190"/>
      <c r="K80" s="190"/>
    </row>
    <row r="81" spans="1:11" x14ac:dyDescent="0.15">
      <c r="A81" s="190"/>
      <c r="B81" s="190"/>
      <c r="C81" s="190"/>
      <c r="D81" s="190"/>
      <c r="E81" s="190"/>
      <c r="F81" s="190"/>
      <c r="G81" s="190"/>
      <c r="H81" s="190"/>
      <c r="I81" s="190"/>
      <c r="J81" s="190"/>
      <c r="K81" s="190"/>
    </row>
    <row r="82" spans="1:11" ht="21.75" thickBot="1" x14ac:dyDescent="0.2">
      <c r="A82" s="190"/>
      <c r="B82" s="190"/>
      <c r="C82" s="74" t="s">
        <v>59</v>
      </c>
      <c r="D82" s="185"/>
      <c r="E82" s="185"/>
      <c r="F82" s="66" t="s">
        <v>60</v>
      </c>
      <c r="G82" s="190"/>
      <c r="H82" s="190"/>
      <c r="I82" s="190"/>
      <c r="J82" s="190"/>
      <c r="K82" s="190"/>
    </row>
    <row r="83" spans="1:11" ht="21.75" thickBot="1" x14ac:dyDescent="0.2">
      <c r="A83" s="190"/>
      <c r="B83" s="190"/>
      <c r="C83" s="71"/>
      <c r="D83" s="183"/>
      <c r="E83" s="183"/>
      <c r="F83" s="66"/>
      <c r="G83" s="190"/>
      <c r="H83" s="190"/>
      <c r="I83" s="190"/>
      <c r="J83" s="190"/>
      <c r="K83" s="190"/>
    </row>
    <row r="84" spans="1:11" x14ac:dyDescent="0.15">
      <c r="A84" s="2" t="s">
        <v>61</v>
      </c>
      <c r="B84" s="11" t="s">
        <v>0</v>
      </c>
      <c r="C84" s="225"/>
      <c r="D84" s="225"/>
      <c r="E84" s="225"/>
      <c r="F84" s="226"/>
      <c r="G84" s="190"/>
      <c r="H84" s="28"/>
      <c r="I84" s="187"/>
      <c r="J84" s="187"/>
      <c r="K84" s="188"/>
    </row>
    <row r="85" spans="1:11" ht="21" x14ac:dyDescent="0.15">
      <c r="A85" s="67"/>
      <c r="B85" s="227"/>
      <c r="C85" s="228"/>
      <c r="D85" s="228"/>
      <c r="E85" s="228"/>
      <c r="F85" s="229"/>
      <c r="G85" s="190"/>
      <c r="H85" s="169" t="s">
        <v>80</v>
      </c>
      <c r="I85" s="183"/>
      <c r="J85" s="183"/>
      <c r="K85" s="191"/>
    </row>
    <row r="86" spans="1:11" x14ac:dyDescent="0.15">
      <c r="A86" s="68" t="s">
        <v>62</v>
      </c>
      <c r="B86" s="204" t="s">
        <v>104</v>
      </c>
      <c r="C86" s="174"/>
      <c r="D86" s="174"/>
      <c r="E86" s="174"/>
      <c r="F86" s="199"/>
      <c r="G86" s="190"/>
      <c r="H86" s="198"/>
      <c r="I86" s="183"/>
      <c r="J86" s="183"/>
      <c r="K86" s="191"/>
    </row>
    <row r="87" spans="1:11" x14ac:dyDescent="0.15">
      <c r="A87" s="203" t="s">
        <v>63</v>
      </c>
      <c r="B87" s="174"/>
      <c r="C87" s="174"/>
      <c r="D87" s="174"/>
      <c r="E87" s="174"/>
      <c r="F87" s="199"/>
      <c r="G87" s="190"/>
      <c r="H87" s="198"/>
      <c r="I87" s="183"/>
      <c r="J87" s="183"/>
      <c r="K87" s="191"/>
    </row>
    <row r="88" spans="1:11" x14ac:dyDescent="0.15">
      <c r="A88" s="230"/>
      <c r="B88" s="219"/>
      <c r="C88" s="219"/>
      <c r="D88" s="219"/>
      <c r="E88" s="219"/>
      <c r="F88" s="220"/>
      <c r="G88" s="190"/>
      <c r="H88" s="198"/>
      <c r="I88" s="183"/>
      <c r="J88" s="183"/>
      <c r="K88" s="191"/>
    </row>
    <row r="89" spans="1:11" x14ac:dyDescent="0.15">
      <c r="A89" s="208" t="s">
        <v>88</v>
      </c>
      <c r="B89" s="22"/>
      <c r="C89" s="22"/>
      <c r="D89" s="77"/>
      <c r="E89" s="22" t="s">
        <v>89</v>
      </c>
      <c r="F89" s="209"/>
      <c r="G89" s="190"/>
      <c r="H89" s="198"/>
      <c r="I89" s="183"/>
      <c r="J89" s="183"/>
      <c r="K89" s="191"/>
    </row>
    <row r="90" spans="1:11" x14ac:dyDescent="0.15">
      <c r="A90" s="231" t="s">
        <v>182</v>
      </c>
      <c r="B90" s="232"/>
      <c r="C90" s="232"/>
      <c r="D90" s="233"/>
      <c r="E90" s="234" t="s">
        <v>183</v>
      </c>
      <c r="F90" s="235"/>
      <c r="G90" s="190"/>
      <c r="H90" s="198"/>
      <c r="I90" s="183"/>
      <c r="J90" s="183"/>
      <c r="K90" s="191"/>
    </row>
    <row r="91" spans="1:11" x14ac:dyDescent="0.15">
      <c r="A91" s="208" t="s">
        <v>86</v>
      </c>
      <c r="B91" s="22"/>
      <c r="C91" s="210"/>
      <c r="D91" s="22"/>
      <c r="E91" s="211"/>
      <c r="F91" s="209"/>
      <c r="G91" s="190"/>
      <c r="H91" s="198"/>
      <c r="I91" s="183"/>
      <c r="J91" s="183"/>
      <c r="K91" s="191"/>
    </row>
    <row r="92" spans="1:11" ht="14.25" thickBot="1" x14ac:dyDescent="0.2">
      <c r="A92" s="25"/>
      <c r="B92" s="185" t="s">
        <v>105</v>
      </c>
      <c r="C92" s="87" t="s">
        <v>87</v>
      </c>
      <c r="D92" s="185"/>
      <c r="E92" s="87" t="s">
        <v>93</v>
      </c>
      <c r="F92" s="89" t="s">
        <v>116</v>
      </c>
      <c r="G92" s="190"/>
      <c r="H92" s="25"/>
      <c r="I92" s="185"/>
      <c r="J92" s="185"/>
      <c r="K92" s="195"/>
    </row>
    <row r="93" spans="1:11" ht="14.25" thickBot="1" x14ac:dyDescent="0.2">
      <c r="A93" s="183"/>
      <c r="B93" s="183"/>
      <c r="C93" s="183"/>
      <c r="D93" s="183"/>
      <c r="E93" s="75"/>
      <c r="F93" s="183"/>
      <c r="G93" s="190"/>
      <c r="H93" s="183"/>
      <c r="I93" s="183"/>
      <c r="J93" s="183"/>
      <c r="K93" s="183"/>
    </row>
    <row r="94" spans="1:11" x14ac:dyDescent="0.15">
      <c r="A94" s="28" t="s">
        <v>64</v>
      </c>
      <c r="B94" s="86"/>
      <c r="C94" s="86"/>
      <c r="D94" s="86"/>
      <c r="E94" s="86"/>
      <c r="F94" s="86"/>
      <c r="G94" s="86"/>
      <c r="H94" s="86"/>
      <c r="I94" s="86"/>
      <c r="J94" s="86"/>
      <c r="K94" s="88"/>
    </row>
    <row r="95" spans="1:11" x14ac:dyDescent="0.15">
      <c r="A95" s="198"/>
      <c r="B95" s="236" t="s">
        <v>65</v>
      </c>
      <c r="C95" s="221"/>
      <c r="D95" s="219"/>
      <c r="E95" s="219"/>
      <c r="F95" s="219"/>
      <c r="G95" s="219"/>
      <c r="H95" s="219"/>
      <c r="I95" s="219"/>
      <c r="J95" s="219"/>
      <c r="K95" s="220"/>
    </row>
    <row r="96" spans="1:11" x14ac:dyDescent="0.15">
      <c r="A96" s="198"/>
      <c r="B96" s="236" t="s">
        <v>68</v>
      </c>
      <c r="C96" s="221"/>
      <c r="D96" s="219"/>
      <c r="E96" s="219"/>
      <c r="F96" s="219"/>
      <c r="G96" s="219"/>
      <c r="H96" s="219"/>
      <c r="I96" s="219"/>
      <c r="J96" s="219"/>
      <c r="K96" s="220"/>
    </row>
    <row r="97" spans="1:11" x14ac:dyDescent="0.15">
      <c r="A97" s="29"/>
      <c r="B97" s="236" t="s">
        <v>67</v>
      </c>
      <c r="C97" s="221"/>
      <c r="D97" s="219"/>
      <c r="E97" s="219"/>
      <c r="F97" s="219"/>
      <c r="G97" s="219"/>
      <c r="H97" s="219"/>
      <c r="I97" s="219"/>
      <c r="J97" s="219"/>
      <c r="K97" s="220"/>
    </row>
    <row r="98" spans="1:11" x14ac:dyDescent="0.15">
      <c r="A98" s="198" t="s">
        <v>69</v>
      </c>
      <c r="B98" s="183"/>
      <c r="C98" s="183"/>
      <c r="D98" s="183"/>
      <c r="E98" s="183"/>
      <c r="F98" s="183"/>
      <c r="G98" s="174"/>
      <c r="H98" s="174"/>
      <c r="I98" s="174"/>
      <c r="J98" s="174"/>
      <c r="K98" s="199"/>
    </row>
    <row r="99" spans="1:11" x14ac:dyDescent="0.15">
      <c r="A99" s="198"/>
      <c r="B99" s="101" t="s">
        <v>70</v>
      </c>
      <c r="C99" s="237" t="s">
        <v>184</v>
      </c>
      <c r="D99" s="238"/>
      <c r="E99" s="175" t="s">
        <v>75</v>
      </c>
      <c r="F99" s="241" t="s">
        <v>19</v>
      </c>
      <c r="G99" s="242"/>
      <c r="H99" s="242"/>
      <c r="I99" s="242"/>
      <c r="J99" s="242"/>
      <c r="K99" s="243"/>
    </row>
    <row r="100" spans="1:11" x14ac:dyDescent="0.15">
      <c r="A100" s="198"/>
      <c r="B100" s="101" t="s">
        <v>72</v>
      </c>
      <c r="C100" s="237" t="s">
        <v>184</v>
      </c>
      <c r="D100" s="238"/>
      <c r="E100" s="175" t="s">
        <v>76</v>
      </c>
      <c r="F100" s="244"/>
      <c r="G100" s="245"/>
      <c r="H100" s="245"/>
      <c r="I100" s="245"/>
      <c r="J100" s="245"/>
      <c r="K100" s="246"/>
    </row>
    <row r="101" spans="1:11" x14ac:dyDescent="0.15">
      <c r="A101" s="198"/>
      <c r="B101" s="101" t="s">
        <v>77</v>
      </c>
      <c r="C101" s="237" t="s">
        <v>185</v>
      </c>
      <c r="D101" s="238"/>
      <c r="E101" s="175" t="s">
        <v>78</v>
      </c>
      <c r="F101" s="244"/>
      <c r="G101" s="245"/>
      <c r="H101" s="245"/>
      <c r="I101" s="245"/>
      <c r="J101" s="245"/>
      <c r="K101" s="246"/>
    </row>
    <row r="102" spans="1:11" x14ac:dyDescent="0.15">
      <c r="A102" s="198"/>
      <c r="B102" s="101" t="s">
        <v>73</v>
      </c>
      <c r="C102" s="237" t="s">
        <v>186</v>
      </c>
      <c r="D102" s="238"/>
      <c r="E102" s="175" t="s">
        <v>79</v>
      </c>
      <c r="F102" s="244"/>
      <c r="G102" s="245"/>
      <c r="H102" s="245"/>
      <c r="I102" s="245"/>
      <c r="J102" s="245"/>
      <c r="K102" s="246"/>
    </row>
    <row r="103" spans="1:11" ht="14.25" thickBot="1" x14ac:dyDescent="0.2">
      <c r="A103" s="25"/>
      <c r="B103" s="102" t="s">
        <v>74</v>
      </c>
      <c r="C103" s="239" t="s">
        <v>187</v>
      </c>
      <c r="D103" s="240"/>
      <c r="E103" s="177" t="s">
        <v>79</v>
      </c>
      <c r="F103" s="247"/>
      <c r="G103" s="248"/>
      <c r="H103" s="248"/>
      <c r="I103" s="248"/>
      <c r="J103" s="248"/>
      <c r="K103" s="249"/>
    </row>
    <row r="104" spans="1:11" x14ac:dyDescent="0.15">
      <c r="A104" s="183"/>
      <c r="B104" s="1"/>
      <c r="C104" s="183"/>
      <c r="D104" s="183"/>
      <c r="E104" s="183"/>
      <c r="F104" s="152"/>
      <c r="G104" s="152"/>
      <c r="H104" s="152"/>
      <c r="I104" s="152"/>
      <c r="J104" s="152"/>
      <c r="K104" s="152"/>
    </row>
    <row r="105" spans="1:11" ht="15" thickBot="1" x14ac:dyDescent="0.2">
      <c r="A105" s="138" t="s">
        <v>244</v>
      </c>
      <c r="B105" s="1"/>
      <c r="C105" s="183"/>
      <c r="D105" s="183"/>
      <c r="E105" s="183"/>
      <c r="F105" s="183"/>
      <c r="G105" s="190"/>
      <c r="H105" s="190"/>
      <c r="I105" s="190"/>
      <c r="J105" s="190"/>
      <c r="K105" s="190"/>
    </row>
    <row r="106" spans="1:11" x14ac:dyDescent="0.15">
      <c r="A106" s="251" t="s">
        <v>246</v>
      </c>
      <c r="B106" s="252"/>
      <c r="C106" s="252"/>
      <c r="D106" s="252"/>
      <c r="E106" s="252"/>
      <c r="F106" s="252"/>
      <c r="G106" s="252"/>
      <c r="H106" s="252"/>
      <c r="I106" s="252"/>
      <c r="J106" s="252"/>
      <c r="K106" s="253"/>
    </row>
    <row r="107" spans="1:11" x14ac:dyDescent="0.15">
      <c r="A107" s="254"/>
      <c r="B107" s="245"/>
      <c r="C107" s="245"/>
      <c r="D107" s="245"/>
      <c r="E107" s="245"/>
      <c r="F107" s="245"/>
      <c r="G107" s="245"/>
      <c r="H107" s="245"/>
      <c r="I107" s="245"/>
      <c r="J107" s="245"/>
      <c r="K107" s="246"/>
    </row>
    <row r="108" spans="1:11" ht="12.95" customHeight="1" x14ac:dyDescent="0.15">
      <c r="A108" s="255" t="s">
        <v>247</v>
      </c>
      <c r="B108" s="245"/>
      <c r="C108" s="245"/>
      <c r="D108" s="245"/>
      <c r="E108" s="245"/>
      <c r="F108" s="245"/>
      <c r="G108" s="245"/>
      <c r="H108" s="245"/>
      <c r="I108" s="245"/>
      <c r="J108" s="245"/>
      <c r="K108" s="246"/>
    </row>
    <row r="109" spans="1:11" x14ac:dyDescent="0.15">
      <c r="A109" s="254"/>
      <c r="B109" s="245"/>
      <c r="C109" s="245"/>
      <c r="D109" s="245"/>
      <c r="E109" s="245"/>
      <c r="F109" s="245"/>
      <c r="G109" s="245"/>
      <c r="H109" s="245"/>
      <c r="I109" s="245"/>
      <c r="J109" s="245"/>
      <c r="K109" s="246"/>
    </row>
    <row r="110" spans="1:11" ht="12.95" customHeight="1" x14ac:dyDescent="0.15">
      <c r="A110" s="255" t="s">
        <v>248</v>
      </c>
      <c r="B110" s="245"/>
      <c r="C110" s="245"/>
      <c r="D110" s="245"/>
      <c r="E110" s="245"/>
      <c r="F110" s="245"/>
      <c r="G110" s="245"/>
      <c r="H110" s="245"/>
      <c r="I110" s="245"/>
      <c r="J110" s="245"/>
      <c r="K110" s="246"/>
    </row>
    <row r="111" spans="1:11" x14ac:dyDescent="0.15">
      <c r="A111" s="254"/>
      <c r="B111" s="245"/>
      <c r="C111" s="245"/>
      <c r="D111" s="245"/>
      <c r="E111" s="245"/>
      <c r="F111" s="245"/>
      <c r="G111" s="245"/>
      <c r="H111" s="245"/>
      <c r="I111" s="245"/>
      <c r="J111" s="245"/>
      <c r="K111" s="246"/>
    </row>
    <row r="112" spans="1:11" x14ac:dyDescent="0.15">
      <c r="A112" s="198" t="s">
        <v>249</v>
      </c>
      <c r="B112" s="1"/>
      <c r="C112" s="183"/>
      <c r="D112" s="183"/>
      <c r="E112" s="183"/>
      <c r="F112" s="183"/>
      <c r="G112" s="142"/>
      <c r="H112" s="142"/>
      <c r="I112" s="183"/>
      <c r="J112" s="183"/>
      <c r="K112" s="191"/>
    </row>
    <row r="113" spans="1:11" x14ac:dyDescent="0.15">
      <c r="A113" s="198"/>
      <c r="B113" s="183" t="s">
        <v>245</v>
      </c>
      <c r="C113" s="183"/>
      <c r="D113" s="183"/>
      <c r="E113" s="183"/>
      <c r="F113" s="183"/>
      <c r="G113" s="142"/>
      <c r="H113" s="142"/>
      <c r="I113" s="183"/>
      <c r="J113" s="183"/>
      <c r="K113" s="191"/>
    </row>
    <row r="114" spans="1:11" x14ac:dyDescent="0.15">
      <c r="A114" s="198"/>
      <c r="B114" s="183" t="s">
        <v>250</v>
      </c>
      <c r="C114" s="183"/>
      <c r="D114" s="183"/>
      <c r="E114" s="183"/>
      <c r="F114" s="183"/>
      <c r="G114" s="142"/>
      <c r="H114" s="142"/>
      <c r="I114" s="183"/>
      <c r="J114" s="183"/>
      <c r="K114" s="191"/>
    </row>
    <row r="115" spans="1:11" x14ac:dyDescent="0.15">
      <c r="A115" s="198"/>
      <c r="B115" s="1"/>
      <c r="C115" s="183"/>
      <c r="D115" s="183"/>
      <c r="E115" s="183"/>
      <c r="F115" s="183"/>
      <c r="G115" s="183"/>
      <c r="H115" s="183"/>
      <c r="I115" s="183"/>
      <c r="J115" s="183"/>
      <c r="K115" s="191"/>
    </row>
    <row r="116" spans="1:11" ht="14.25" thickBot="1" x14ac:dyDescent="0.2">
      <c r="A116" s="25"/>
      <c r="B116" s="87"/>
      <c r="C116" s="185"/>
      <c r="D116" s="185"/>
      <c r="E116" s="185"/>
      <c r="F116" s="185"/>
      <c r="G116" s="185"/>
      <c r="H116" s="185"/>
      <c r="I116" s="185"/>
      <c r="J116" s="185"/>
      <c r="K116" s="195"/>
    </row>
    <row r="117" spans="1:11" ht="14.25" thickBot="1" x14ac:dyDescent="0.2">
      <c r="A117" s="183" t="s">
        <v>81</v>
      </c>
      <c r="B117" s="183"/>
      <c r="C117" s="183"/>
      <c r="D117" s="183"/>
      <c r="E117" s="183"/>
      <c r="F117" s="183"/>
      <c r="G117" s="190"/>
      <c r="H117" s="190"/>
      <c r="I117" s="190"/>
      <c r="J117" s="190"/>
      <c r="K117" s="190"/>
    </row>
    <row r="118" spans="1:11" x14ac:dyDescent="0.15">
      <c r="A118" s="80" t="s">
        <v>82</v>
      </c>
      <c r="B118" s="11" t="s">
        <v>1</v>
      </c>
      <c r="C118" s="187"/>
      <c r="D118" s="187"/>
      <c r="E118" s="187"/>
      <c r="F118" s="187"/>
      <c r="G118" s="187"/>
      <c r="H118" s="187"/>
      <c r="I118" s="187"/>
      <c r="J118" s="187"/>
      <c r="K118" s="188"/>
    </row>
    <row r="119" spans="1:11" x14ac:dyDescent="0.15">
      <c r="A119" s="81"/>
      <c r="B119" s="14"/>
      <c r="C119" s="183"/>
      <c r="D119" s="183"/>
      <c r="E119" s="183"/>
      <c r="F119" s="183"/>
      <c r="G119" s="183"/>
      <c r="H119" s="183"/>
      <c r="I119" s="183"/>
      <c r="J119" s="183"/>
      <c r="K119" s="191"/>
    </row>
    <row r="120" spans="1:11" x14ac:dyDescent="0.15">
      <c r="A120" s="81"/>
      <c r="B120" s="200"/>
      <c r="C120" s="201"/>
      <c r="D120" s="201"/>
      <c r="E120" s="201"/>
      <c r="F120" s="201"/>
      <c r="G120" s="201"/>
      <c r="H120" s="201"/>
      <c r="I120" s="201"/>
      <c r="J120" s="201"/>
      <c r="K120" s="202"/>
    </row>
    <row r="121" spans="1:11" x14ac:dyDescent="0.15">
      <c r="A121" s="82" t="s">
        <v>84</v>
      </c>
      <c r="B121" s="204" t="s">
        <v>85</v>
      </c>
      <c r="C121" s="174"/>
      <c r="D121" s="219" t="s">
        <v>180</v>
      </c>
      <c r="E121" s="219"/>
      <c r="F121" s="221"/>
      <c r="G121" s="204" t="s">
        <v>102</v>
      </c>
      <c r="H121" s="174"/>
      <c r="I121" s="219" t="s">
        <v>180</v>
      </c>
      <c r="J121" s="219"/>
      <c r="K121" s="221"/>
    </row>
    <row r="122" spans="1:11" x14ac:dyDescent="0.15">
      <c r="A122" s="83"/>
      <c r="B122" s="204" t="s">
        <v>101</v>
      </c>
      <c r="C122" s="174"/>
      <c r="D122" s="219" t="s">
        <v>180</v>
      </c>
      <c r="E122" s="219"/>
      <c r="F122" s="221"/>
      <c r="G122" s="204" t="s">
        <v>102</v>
      </c>
      <c r="H122" s="174"/>
      <c r="I122" s="219" t="s">
        <v>180</v>
      </c>
      <c r="J122" s="219"/>
      <c r="K122" s="221"/>
    </row>
    <row r="123" spans="1:11" x14ac:dyDescent="0.15">
      <c r="A123" s="84"/>
      <c r="B123" s="201" t="s">
        <v>101</v>
      </c>
      <c r="C123" s="201"/>
      <c r="D123" s="219" t="s">
        <v>180</v>
      </c>
      <c r="E123" s="219"/>
      <c r="F123" s="221"/>
      <c r="G123" s="204" t="s">
        <v>101</v>
      </c>
      <c r="H123" s="174"/>
      <c r="I123" s="219" t="s">
        <v>180</v>
      </c>
      <c r="J123" s="219"/>
      <c r="K123" s="221"/>
    </row>
    <row r="124" spans="1:11" x14ac:dyDescent="0.15">
      <c r="A124" s="82" t="s">
        <v>90</v>
      </c>
      <c r="B124" s="76" t="s">
        <v>91</v>
      </c>
      <c r="C124" s="22"/>
      <c r="D124" s="22"/>
      <c r="E124" s="22"/>
      <c r="F124" s="77"/>
      <c r="G124" s="204" t="s">
        <v>95</v>
      </c>
      <c r="H124" s="219" t="s">
        <v>181</v>
      </c>
      <c r="I124" s="219"/>
      <c r="J124" s="219"/>
      <c r="K124" s="220"/>
    </row>
    <row r="125" spans="1:11" x14ac:dyDescent="0.15">
      <c r="A125" s="83"/>
      <c r="B125" s="200"/>
      <c r="C125" s="201"/>
      <c r="D125" s="201"/>
      <c r="E125" s="201"/>
      <c r="F125" s="79"/>
      <c r="G125" s="204" t="s">
        <v>96</v>
      </c>
      <c r="H125" s="219" t="s">
        <v>181</v>
      </c>
      <c r="I125" s="219"/>
      <c r="J125" s="219"/>
      <c r="K125" s="220"/>
    </row>
    <row r="126" spans="1:11" x14ac:dyDescent="0.15">
      <c r="A126" s="83"/>
      <c r="B126" s="204" t="s">
        <v>92</v>
      </c>
      <c r="C126" s="174"/>
      <c r="D126" s="174"/>
      <c r="E126" s="174"/>
      <c r="F126" s="174"/>
      <c r="G126" s="174"/>
      <c r="H126" s="174"/>
      <c r="I126" s="174"/>
      <c r="J126" s="174"/>
      <c r="K126" s="199"/>
    </row>
    <row r="127" spans="1:11" x14ac:dyDescent="0.15">
      <c r="A127" s="83"/>
      <c r="B127" s="183" t="s">
        <v>94</v>
      </c>
      <c r="C127" s="183"/>
      <c r="D127" s="183"/>
      <c r="E127" s="183"/>
      <c r="F127" s="183"/>
      <c r="G127" s="183"/>
      <c r="H127" s="183"/>
      <c r="I127" s="183"/>
      <c r="J127" s="183"/>
      <c r="K127" s="191"/>
    </row>
    <row r="128" spans="1:11" ht="14.25" thickBot="1" x14ac:dyDescent="0.2">
      <c r="A128" s="85"/>
      <c r="B128" s="185"/>
      <c r="C128" s="185"/>
      <c r="D128" s="185"/>
      <c r="E128" s="185"/>
      <c r="F128" s="185"/>
      <c r="G128" s="185"/>
      <c r="H128" s="185"/>
      <c r="I128" s="185"/>
      <c r="J128" s="185"/>
      <c r="K128" s="195"/>
    </row>
    <row r="129" spans="1:11" ht="14.25" thickBot="1" x14ac:dyDescent="0.2">
      <c r="A129" s="190"/>
      <c r="B129" s="190" t="s">
        <v>217</v>
      </c>
      <c r="C129" s="190"/>
      <c r="D129" s="190"/>
      <c r="E129" s="190"/>
      <c r="F129" s="190"/>
      <c r="G129" s="206" t="s">
        <v>288</v>
      </c>
      <c r="H129" s="190"/>
      <c r="I129" s="190"/>
      <c r="J129" s="190"/>
      <c r="K129" s="190"/>
    </row>
    <row r="130" spans="1:11" x14ac:dyDescent="0.15">
      <c r="A130" s="176" t="s">
        <v>43</v>
      </c>
      <c r="B130" s="186" t="s">
        <v>106</v>
      </c>
      <c r="C130" s="160"/>
      <c r="D130" s="160"/>
      <c r="E130" s="32"/>
      <c r="F130" s="250" t="s">
        <v>295</v>
      </c>
      <c r="G130" s="225"/>
      <c r="H130" s="225"/>
      <c r="I130" s="225"/>
      <c r="J130" s="225"/>
      <c r="K130" s="226"/>
    </row>
    <row r="131" spans="1:11" x14ac:dyDescent="0.15">
      <c r="A131" s="190"/>
      <c r="B131" s="189"/>
      <c r="C131" s="182"/>
      <c r="D131" s="182"/>
      <c r="E131" s="9"/>
      <c r="F131" s="261"/>
      <c r="G131" s="215"/>
      <c r="H131" s="215"/>
      <c r="I131" s="215"/>
      <c r="J131" s="215"/>
      <c r="K131" s="257"/>
    </row>
    <row r="132" spans="1:11" ht="14.25" thickBot="1" x14ac:dyDescent="0.2">
      <c r="A132" s="190"/>
      <c r="B132" s="92"/>
      <c r="C132" s="34"/>
      <c r="D132" s="34"/>
      <c r="E132" s="35"/>
      <c r="F132" s="258" t="s">
        <v>296</v>
      </c>
      <c r="G132" s="259"/>
      <c r="H132" s="259"/>
      <c r="I132" s="259"/>
      <c r="J132" s="259"/>
      <c r="K132" s="260"/>
    </row>
    <row r="133" spans="1:11" x14ac:dyDescent="0.15">
      <c r="A133" s="176" t="s">
        <v>43</v>
      </c>
      <c r="B133" s="186" t="s">
        <v>108</v>
      </c>
      <c r="C133" s="160"/>
      <c r="D133" s="160"/>
      <c r="E133" s="32"/>
      <c r="F133" s="250" t="s">
        <v>292</v>
      </c>
      <c r="G133" s="225"/>
      <c r="H133" s="225"/>
      <c r="I133" s="225"/>
      <c r="J133" s="225"/>
      <c r="K133" s="226"/>
    </row>
    <row r="134" spans="1:11" x14ac:dyDescent="0.15">
      <c r="A134" s="176"/>
      <c r="B134" s="189"/>
      <c r="C134" s="207"/>
      <c r="D134" s="182"/>
      <c r="E134" s="9"/>
      <c r="F134" s="256" t="s">
        <v>293</v>
      </c>
      <c r="G134" s="215"/>
      <c r="H134" s="215"/>
      <c r="I134" s="215"/>
      <c r="J134" s="215"/>
      <c r="K134" s="257"/>
    </row>
    <row r="135" spans="1:11" ht="14.25" thickBot="1" x14ac:dyDescent="0.2">
      <c r="A135" s="190"/>
      <c r="B135" s="33"/>
      <c r="C135" s="34"/>
      <c r="D135" s="34"/>
      <c r="E135" s="35"/>
      <c r="F135" s="258" t="s">
        <v>294</v>
      </c>
      <c r="G135" s="259"/>
      <c r="H135" s="259"/>
      <c r="I135" s="259"/>
      <c r="J135" s="259"/>
      <c r="K135" s="260"/>
    </row>
    <row r="136" spans="1:11" x14ac:dyDescent="0.15">
      <c r="A136" s="176" t="s">
        <v>291</v>
      </c>
      <c r="B136" s="186" t="s">
        <v>2</v>
      </c>
      <c r="C136" s="160"/>
      <c r="D136" s="160"/>
      <c r="E136" s="32"/>
      <c r="F136" s="250" t="s">
        <v>15</v>
      </c>
      <c r="G136" s="225"/>
      <c r="H136" s="225"/>
      <c r="I136" s="225"/>
      <c r="J136" s="225"/>
      <c r="K136" s="226"/>
    </row>
    <row r="137" spans="1:11" x14ac:dyDescent="0.15">
      <c r="A137" s="190"/>
      <c r="B137" s="189"/>
      <c r="C137" s="182"/>
      <c r="D137" s="182"/>
      <c r="E137" s="9"/>
      <c r="F137" s="256" t="s">
        <v>16</v>
      </c>
      <c r="G137" s="215"/>
      <c r="H137" s="215"/>
      <c r="I137" s="215"/>
      <c r="J137" s="215"/>
      <c r="K137" s="257"/>
    </row>
    <row r="138" spans="1:11" ht="14.25" thickBot="1" x14ac:dyDescent="0.2">
      <c r="A138" s="190"/>
      <c r="B138" s="33"/>
      <c r="C138" s="34"/>
      <c r="D138" s="34"/>
      <c r="E138" s="35"/>
      <c r="F138" s="258" t="s">
        <v>17</v>
      </c>
      <c r="G138" s="259"/>
      <c r="H138" s="259"/>
      <c r="I138" s="259"/>
      <c r="J138" s="259"/>
      <c r="K138" s="260"/>
    </row>
    <row r="139" spans="1:11" x14ac:dyDescent="0.15">
      <c r="A139" s="176" t="s">
        <v>291</v>
      </c>
      <c r="B139" s="186" t="s">
        <v>107</v>
      </c>
      <c r="C139" s="160"/>
      <c r="D139" s="160"/>
      <c r="E139" s="32"/>
      <c r="F139" s="250" t="s">
        <v>15</v>
      </c>
      <c r="G139" s="225"/>
      <c r="H139" s="225"/>
      <c r="I139" s="225"/>
      <c r="J139" s="225"/>
      <c r="K139" s="226"/>
    </row>
    <row r="140" spans="1:11" x14ac:dyDescent="0.15">
      <c r="A140" s="190"/>
      <c r="B140" s="189"/>
      <c r="C140" s="182"/>
      <c r="D140" s="182"/>
      <c r="E140" s="9"/>
      <c r="F140" s="256" t="s">
        <v>16</v>
      </c>
      <c r="G140" s="215"/>
      <c r="H140" s="215"/>
      <c r="I140" s="215"/>
      <c r="J140" s="215"/>
      <c r="K140" s="257"/>
    </row>
    <row r="141" spans="1:11" ht="14.25" thickBot="1" x14ac:dyDescent="0.2">
      <c r="A141" s="190"/>
      <c r="B141" s="33"/>
      <c r="C141" s="34"/>
      <c r="D141" s="34"/>
      <c r="E141" s="35"/>
      <c r="F141" s="258" t="s">
        <v>17</v>
      </c>
      <c r="G141" s="259"/>
      <c r="H141" s="259"/>
      <c r="I141" s="259"/>
      <c r="J141" s="259"/>
      <c r="K141" s="260"/>
    </row>
    <row r="142" spans="1:11" x14ac:dyDescent="0.15">
      <c r="A142" s="176" t="s">
        <v>43</v>
      </c>
      <c r="B142" s="186" t="s">
        <v>3</v>
      </c>
      <c r="C142" s="160"/>
      <c r="D142" s="160"/>
      <c r="E142" s="32"/>
      <c r="F142" s="250" t="s">
        <v>298</v>
      </c>
      <c r="G142" s="225"/>
      <c r="H142" s="225"/>
      <c r="I142" s="225"/>
      <c r="J142" s="225"/>
      <c r="K142" s="226"/>
    </row>
    <row r="143" spans="1:11" x14ac:dyDescent="0.15">
      <c r="A143" s="190"/>
      <c r="B143" s="189"/>
      <c r="C143" s="182"/>
      <c r="D143" s="182"/>
      <c r="E143" s="9"/>
      <c r="F143" s="256" t="s">
        <v>111</v>
      </c>
      <c r="G143" s="215"/>
      <c r="H143" s="215"/>
      <c r="I143" s="215"/>
      <c r="J143" s="215"/>
      <c r="K143" s="257"/>
    </row>
    <row r="144" spans="1:11" x14ac:dyDescent="0.15">
      <c r="A144" s="190"/>
      <c r="B144" s="39"/>
      <c r="C144" s="40"/>
      <c r="D144" s="40"/>
      <c r="E144" s="41"/>
      <c r="F144" s="93" t="s">
        <v>43</v>
      </c>
      <c r="G144" s="182" t="s">
        <v>109</v>
      </c>
      <c r="H144" s="275" t="s">
        <v>297</v>
      </c>
      <c r="I144" s="215"/>
      <c r="J144" s="215"/>
      <c r="K144" s="257"/>
    </row>
    <row r="145" spans="1:11" ht="14.25" thickBot="1" x14ac:dyDescent="0.2">
      <c r="A145" s="190"/>
      <c r="B145" s="33"/>
      <c r="C145" s="34"/>
      <c r="D145" s="34"/>
      <c r="E145" s="35"/>
      <c r="F145" s="93" t="s">
        <v>36</v>
      </c>
      <c r="G145" s="184" t="s">
        <v>110</v>
      </c>
      <c r="H145" s="276" t="s">
        <v>189</v>
      </c>
      <c r="I145" s="259"/>
      <c r="J145" s="259"/>
      <c r="K145" s="260"/>
    </row>
    <row r="146" spans="1:11" x14ac:dyDescent="0.15">
      <c r="A146" s="176" t="s">
        <v>43</v>
      </c>
      <c r="B146" s="186" t="s">
        <v>4</v>
      </c>
      <c r="C146" s="160"/>
      <c r="D146" s="160"/>
      <c r="E146" s="32"/>
      <c r="F146" s="186" t="s">
        <v>218</v>
      </c>
      <c r="G146" s="212" t="s">
        <v>299</v>
      </c>
      <c r="H146" s="160"/>
      <c r="I146" s="160"/>
      <c r="J146" s="160"/>
      <c r="K146" s="32"/>
    </row>
    <row r="147" spans="1:11" x14ac:dyDescent="0.15">
      <c r="A147" s="190"/>
      <c r="B147" s="189"/>
      <c r="C147" s="182"/>
      <c r="D147" s="182"/>
      <c r="E147" s="9"/>
      <c r="F147" s="189" t="s">
        <v>115</v>
      </c>
      <c r="G147" s="262" t="s">
        <v>302</v>
      </c>
      <c r="H147" s="263"/>
      <c r="I147" s="182" t="s">
        <v>270</v>
      </c>
      <c r="J147" s="182"/>
      <c r="K147" s="9"/>
    </row>
    <row r="148" spans="1:11" x14ac:dyDescent="0.15">
      <c r="A148" s="191"/>
      <c r="B148" s="176" t="s">
        <v>43</v>
      </c>
      <c r="C148" s="182" t="s">
        <v>307</v>
      </c>
      <c r="D148" s="182"/>
      <c r="E148" s="9"/>
      <c r="F148" s="271" t="s">
        <v>303</v>
      </c>
      <c r="G148" s="265"/>
      <c r="H148" s="265"/>
      <c r="I148" s="265"/>
      <c r="J148" s="265"/>
      <c r="K148" s="266"/>
    </row>
    <row r="149" spans="1:11" x14ac:dyDescent="0.15">
      <c r="A149" s="191"/>
      <c r="B149" s="176" t="s">
        <v>291</v>
      </c>
      <c r="C149" s="182" t="s">
        <v>300</v>
      </c>
      <c r="D149" s="182"/>
      <c r="E149" s="9"/>
      <c r="F149" s="267"/>
      <c r="G149" s="265"/>
      <c r="H149" s="265"/>
      <c r="I149" s="265"/>
      <c r="J149" s="265"/>
      <c r="K149" s="266"/>
    </row>
    <row r="150" spans="1:11" x14ac:dyDescent="0.15">
      <c r="A150" s="191"/>
      <c r="B150" s="176" t="s">
        <v>43</v>
      </c>
      <c r="C150" s="182" t="s">
        <v>301</v>
      </c>
      <c r="D150" s="182"/>
      <c r="E150" s="9"/>
      <c r="F150" s="267"/>
      <c r="G150" s="265"/>
      <c r="H150" s="265"/>
      <c r="I150" s="265"/>
      <c r="J150" s="265"/>
      <c r="K150" s="266"/>
    </row>
    <row r="151" spans="1:11" ht="14.25" thickBot="1" x14ac:dyDescent="0.2">
      <c r="A151" s="190"/>
      <c r="B151" s="33"/>
      <c r="C151" s="34"/>
      <c r="D151" s="34"/>
      <c r="E151" s="35"/>
      <c r="F151" s="268" t="s">
        <v>304</v>
      </c>
      <c r="G151" s="259"/>
      <c r="H151" s="259"/>
      <c r="I151" s="259"/>
      <c r="J151" s="259"/>
      <c r="K151" s="260"/>
    </row>
    <row r="152" spans="1:11" x14ac:dyDescent="0.15">
      <c r="A152" s="176" t="s">
        <v>291</v>
      </c>
      <c r="B152" s="186" t="s">
        <v>5</v>
      </c>
      <c r="C152" s="160"/>
      <c r="D152" s="160"/>
      <c r="E152" s="32"/>
      <c r="F152" s="186" t="s">
        <v>117</v>
      </c>
      <c r="G152" s="187"/>
      <c r="H152" s="187"/>
      <c r="I152" s="182"/>
      <c r="J152" s="187"/>
      <c r="K152" s="188"/>
    </row>
    <row r="153" spans="1:11" x14ac:dyDescent="0.15">
      <c r="A153" s="176"/>
      <c r="B153" s="189"/>
      <c r="C153" s="182"/>
      <c r="D153" s="182"/>
      <c r="E153" s="9"/>
      <c r="F153" s="189" t="s">
        <v>113</v>
      </c>
      <c r="G153" s="183"/>
      <c r="H153" s="183"/>
      <c r="I153" s="183"/>
      <c r="J153" s="183"/>
      <c r="K153" s="191"/>
    </row>
    <row r="154" spans="1:11" ht="14.25" thickBot="1" x14ac:dyDescent="0.2">
      <c r="A154" s="190"/>
      <c r="B154" s="189" t="s">
        <v>118</v>
      </c>
      <c r="C154" s="170" t="s">
        <v>255</v>
      </c>
      <c r="D154" s="182" t="s">
        <v>125</v>
      </c>
      <c r="E154" s="191"/>
      <c r="F154" s="4"/>
      <c r="G154" s="183"/>
      <c r="H154" s="183"/>
      <c r="I154" s="183"/>
      <c r="J154" s="183"/>
      <c r="K154" s="191"/>
    </row>
    <row r="155" spans="1:11" x14ac:dyDescent="0.15">
      <c r="A155" s="176" t="s">
        <v>43</v>
      </c>
      <c r="B155" s="186" t="s">
        <v>6</v>
      </c>
      <c r="C155" s="160"/>
      <c r="D155" s="160"/>
      <c r="E155" s="32"/>
      <c r="F155" s="186" t="s">
        <v>14</v>
      </c>
      <c r="G155" s="160"/>
      <c r="H155" s="160"/>
      <c r="I155" s="160"/>
      <c r="J155" s="160"/>
      <c r="K155" s="32"/>
    </row>
    <row r="156" spans="1:11" x14ac:dyDescent="0.15">
      <c r="A156" s="205"/>
      <c r="B156" s="94" t="s">
        <v>43</v>
      </c>
      <c r="C156" s="182" t="s">
        <v>120</v>
      </c>
      <c r="D156" s="75" t="s">
        <v>36</v>
      </c>
      <c r="E156" s="9" t="s">
        <v>119</v>
      </c>
      <c r="F156" s="269" t="s">
        <v>19</v>
      </c>
      <c r="G156" s="245"/>
      <c r="H156" s="245"/>
      <c r="I156" s="245"/>
      <c r="J156" s="245"/>
      <c r="K156" s="246"/>
    </row>
    <row r="157" spans="1:11" x14ac:dyDescent="0.15">
      <c r="A157" s="190"/>
      <c r="B157" s="94" t="s">
        <v>309</v>
      </c>
      <c r="C157" s="182" t="s">
        <v>122</v>
      </c>
      <c r="D157" s="75" t="s">
        <v>36</v>
      </c>
      <c r="E157" s="9" t="s">
        <v>121</v>
      </c>
      <c r="F157" s="254"/>
      <c r="G157" s="245"/>
      <c r="H157" s="245"/>
      <c r="I157" s="245"/>
      <c r="J157" s="245"/>
      <c r="K157" s="246"/>
    </row>
    <row r="158" spans="1:11" x14ac:dyDescent="0.15">
      <c r="A158" s="190"/>
      <c r="B158" s="94" t="s">
        <v>308</v>
      </c>
      <c r="C158" s="42" t="s">
        <v>256</v>
      </c>
      <c r="D158" s="161" t="s">
        <v>255</v>
      </c>
      <c r="E158" s="43" t="s">
        <v>130</v>
      </c>
      <c r="F158" s="254"/>
      <c r="G158" s="245"/>
      <c r="H158" s="245"/>
      <c r="I158" s="245"/>
      <c r="J158" s="245"/>
      <c r="K158" s="246"/>
    </row>
    <row r="159" spans="1:11" x14ac:dyDescent="0.15">
      <c r="A159" s="190"/>
      <c r="B159" s="94" t="s">
        <v>36</v>
      </c>
      <c r="C159" s="182" t="s">
        <v>123</v>
      </c>
      <c r="D159" s="162" t="s">
        <v>284</v>
      </c>
      <c r="E159" s="9" t="s">
        <v>126</v>
      </c>
      <c r="F159" s="254"/>
      <c r="G159" s="245"/>
      <c r="H159" s="245"/>
      <c r="I159" s="245"/>
      <c r="J159" s="245"/>
      <c r="K159" s="246"/>
    </row>
    <row r="160" spans="1:11" ht="14.25" thickBot="1" x14ac:dyDescent="0.2">
      <c r="A160" s="190"/>
      <c r="B160" s="94" t="s">
        <v>309</v>
      </c>
      <c r="C160" s="184" t="s">
        <v>124</v>
      </c>
      <c r="D160" s="184"/>
      <c r="E160" s="38"/>
      <c r="F160" s="270"/>
      <c r="G160" s="248"/>
      <c r="H160" s="248"/>
      <c r="I160" s="248"/>
      <c r="J160" s="248"/>
      <c r="K160" s="249"/>
    </row>
    <row r="161" spans="1:11" x14ac:dyDescent="0.15">
      <c r="A161" s="176" t="s">
        <v>43</v>
      </c>
      <c r="B161" s="186" t="s">
        <v>7</v>
      </c>
      <c r="C161" s="103"/>
      <c r="D161" s="160"/>
      <c r="E161" s="32"/>
      <c r="F161" s="186" t="s">
        <v>8</v>
      </c>
      <c r="G161" s="160"/>
      <c r="H161" s="160"/>
      <c r="I161" s="160"/>
      <c r="J161" s="160"/>
      <c r="K161" s="32"/>
    </row>
    <row r="162" spans="1:11" x14ac:dyDescent="0.15">
      <c r="A162" s="190"/>
      <c r="B162" s="94" t="s">
        <v>36</v>
      </c>
      <c r="C162" s="183" t="s">
        <v>190</v>
      </c>
      <c r="D162" s="183"/>
      <c r="E162" s="191"/>
      <c r="F162" s="189" t="s">
        <v>128</v>
      </c>
      <c r="G162" s="162" t="s">
        <v>310</v>
      </c>
      <c r="H162" s="95" t="s">
        <v>127</v>
      </c>
      <c r="I162" s="182" t="s">
        <v>71</v>
      </c>
      <c r="J162" s="162" t="s">
        <v>311</v>
      </c>
      <c r="K162" s="9" t="s">
        <v>129</v>
      </c>
    </row>
    <row r="163" spans="1:11" ht="12.95" customHeight="1" x14ac:dyDescent="0.15">
      <c r="A163" s="190"/>
      <c r="B163" s="94" t="s">
        <v>309</v>
      </c>
      <c r="C163" s="183" t="s">
        <v>191</v>
      </c>
      <c r="D163" s="183"/>
      <c r="E163" s="191"/>
      <c r="F163" s="271" t="s">
        <v>257</v>
      </c>
      <c r="G163" s="265"/>
      <c r="H163" s="265"/>
      <c r="I163" s="265"/>
      <c r="J163" s="265"/>
      <c r="K163" s="266"/>
    </row>
    <row r="164" spans="1:11" x14ac:dyDescent="0.15">
      <c r="A164" s="190"/>
      <c r="B164" s="94" t="s">
        <v>36</v>
      </c>
      <c r="C164" s="183" t="s">
        <v>192</v>
      </c>
      <c r="D164" s="183"/>
      <c r="E164" s="191"/>
      <c r="F164" s="267"/>
      <c r="G164" s="265"/>
      <c r="H164" s="265"/>
      <c r="I164" s="265"/>
      <c r="J164" s="265"/>
      <c r="K164" s="266"/>
    </row>
    <row r="165" spans="1:11" x14ac:dyDescent="0.15">
      <c r="A165" s="190"/>
      <c r="B165" s="94" t="s">
        <v>36</v>
      </c>
      <c r="C165" s="183" t="s">
        <v>193</v>
      </c>
      <c r="D165" s="183"/>
      <c r="E165" s="191"/>
      <c r="F165" s="267"/>
      <c r="G165" s="265"/>
      <c r="H165" s="265"/>
      <c r="I165" s="265"/>
      <c r="J165" s="265"/>
      <c r="K165" s="266"/>
    </row>
    <row r="166" spans="1:11" ht="14.25" thickBot="1" x14ac:dyDescent="0.2">
      <c r="A166" s="190"/>
      <c r="B166" s="104" t="s">
        <v>36</v>
      </c>
      <c r="C166" s="182" t="s">
        <v>110</v>
      </c>
      <c r="D166" s="182"/>
      <c r="E166" s="9"/>
      <c r="F166" s="272"/>
      <c r="G166" s="273"/>
      <c r="H166" s="273"/>
      <c r="I166" s="273"/>
      <c r="J166" s="273"/>
      <c r="K166" s="274"/>
    </row>
    <row r="167" spans="1:11" x14ac:dyDescent="0.15">
      <c r="A167" s="176" t="s">
        <v>291</v>
      </c>
      <c r="B167" s="186" t="s">
        <v>9</v>
      </c>
      <c r="C167" s="160"/>
      <c r="D167" s="160"/>
      <c r="E167" s="32"/>
      <c r="F167" s="277" t="s">
        <v>198</v>
      </c>
      <c r="G167" s="225"/>
      <c r="H167" s="225"/>
      <c r="I167" s="225"/>
      <c r="J167" s="225"/>
      <c r="K167" s="226"/>
    </row>
    <row r="168" spans="1:11" x14ac:dyDescent="0.15">
      <c r="A168" s="176"/>
      <c r="B168" s="94" t="s">
        <v>36</v>
      </c>
      <c r="C168" s="183" t="s">
        <v>195</v>
      </c>
      <c r="D168" s="183"/>
      <c r="E168" s="191"/>
      <c r="F168" s="278" t="s">
        <v>199</v>
      </c>
      <c r="G168" s="279"/>
      <c r="H168" s="279"/>
      <c r="I168" s="279"/>
      <c r="J168" s="279"/>
      <c r="K168" s="280"/>
    </row>
    <row r="169" spans="1:11" x14ac:dyDescent="0.15">
      <c r="A169" s="190"/>
      <c r="B169" s="94" t="s">
        <v>36</v>
      </c>
      <c r="C169" s="182" t="s">
        <v>196</v>
      </c>
      <c r="D169" s="182"/>
      <c r="E169" s="9"/>
      <c r="F169" s="256" t="s">
        <v>200</v>
      </c>
      <c r="G169" s="215"/>
      <c r="H169" s="215"/>
      <c r="I169" s="215"/>
      <c r="J169" s="215"/>
      <c r="K169" s="257"/>
    </row>
    <row r="170" spans="1:11" ht="14.25" thickBot="1" x14ac:dyDescent="0.2">
      <c r="A170" s="190"/>
      <c r="B170" s="94" t="s">
        <v>36</v>
      </c>
      <c r="C170" s="182" t="s">
        <v>197</v>
      </c>
      <c r="D170" s="182"/>
      <c r="E170" s="9"/>
      <c r="F170" s="258" t="s">
        <v>201</v>
      </c>
      <c r="G170" s="259"/>
      <c r="H170" s="259"/>
      <c r="I170" s="259"/>
      <c r="J170" s="259"/>
      <c r="K170" s="260"/>
    </row>
    <row r="171" spans="1:11" x14ac:dyDescent="0.15">
      <c r="A171" s="176" t="s">
        <v>291</v>
      </c>
      <c r="B171" s="186" t="s">
        <v>11</v>
      </c>
      <c r="C171" s="160"/>
      <c r="D171" s="160"/>
      <c r="E171" s="32"/>
      <c r="F171" s="186" t="s">
        <v>13</v>
      </c>
      <c r="G171" s="160"/>
      <c r="H171" s="160"/>
      <c r="I171" s="160"/>
      <c r="J171" s="160"/>
      <c r="K171" s="32"/>
    </row>
    <row r="172" spans="1:11" x14ac:dyDescent="0.15">
      <c r="A172" s="190"/>
      <c r="B172" s="189" t="s">
        <v>20</v>
      </c>
      <c r="C172" s="275"/>
      <c r="D172" s="215"/>
      <c r="E172" s="257"/>
      <c r="F172" s="281" t="s">
        <v>268</v>
      </c>
      <c r="G172" s="282"/>
      <c r="H172" s="275"/>
      <c r="I172" s="215"/>
      <c r="J172" s="215"/>
      <c r="K172" s="257"/>
    </row>
    <row r="173" spans="1:11" x14ac:dyDescent="0.15">
      <c r="A173" s="190"/>
      <c r="B173" s="256" t="s">
        <v>272</v>
      </c>
      <c r="C173" s="215"/>
      <c r="D173" s="215"/>
      <c r="E173" s="257"/>
      <c r="F173" s="189" t="s">
        <v>202</v>
      </c>
      <c r="G173" s="75" t="s">
        <v>36</v>
      </c>
      <c r="H173" s="182" t="s">
        <v>203</v>
      </c>
      <c r="I173" s="182"/>
      <c r="J173" s="182"/>
      <c r="K173" s="9"/>
    </row>
    <row r="174" spans="1:11" x14ac:dyDescent="0.15">
      <c r="A174" s="190"/>
      <c r="B174" s="256" t="s">
        <v>271</v>
      </c>
      <c r="C174" s="215"/>
      <c r="D174" s="215"/>
      <c r="E174" s="257"/>
      <c r="F174" s="189"/>
      <c r="G174" s="75" t="s">
        <v>36</v>
      </c>
      <c r="H174" s="182" t="s">
        <v>204</v>
      </c>
      <c r="I174" s="182"/>
      <c r="J174" s="182"/>
      <c r="K174" s="9"/>
    </row>
    <row r="175" spans="1:11" x14ac:dyDescent="0.15">
      <c r="A175" s="190"/>
      <c r="B175" s="256" t="s">
        <v>273</v>
      </c>
      <c r="C175" s="215"/>
      <c r="D175" s="215"/>
      <c r="E175" s="257"/>
      <c r="F175" s="189"/>
      <c r="G175" s="75" t="s">
        <v>36</v>
      </c>
      <c r="H175" s="182" t="s">
        <v>205</v>
      </c>
      <c r="I175" s="182"/>
      <c r="J175" s="182"/>
      <c r="K175" s="9"/>
    </row>
    <row r="176" spans="1:11" ht="14.25" thickBot="1" x14ac:dyDescent="0.2">
      <c r="A176" s="190"/>
      <c r="B176" s="194"/>
      <c r="C176" s="44"/>
      <c r="D176" s="44"/>
      <c r="E176" s="45"/>
      <c r="F176" s="96" t="s">
        <v>131</v>
      </c>
      <c r="G176" s="182"/>
      <c r="H176" s="182"/>
      <c r="I176" s="182"/>
      <c r="J176" s="196" t="s">
        <v>132</v>
      </c>
      <c r="K176" s="97" t="s">
        <v>133</v>
      </c>
    </row>
    <row r="177" spans="1:11" x14ac:dyDescent="0.15">
      <c r="A177" s="176" t="s">
        <v>43</v>
      </c>
      <c r="B177" s="186" t="s">
        <v>12</v>
      </c>
      <c r="C177" s="160"/>
      <c r="D177" s="160"/>
      <c r="E177" s="32"/>
      <c r="F177" s="186" t="s">
        <v>266</v>
      </c>
      <c r="G177" s="166" t="s">
        <v>312</v>
      </c>
      <c r="H177" s="187"/>
      <c r="I177" s="167" t="s">
        <v>267</v>
      </c>
      <c r="J177" s="166"/>
      <c r="K177" s="168" t="s">
        <v>313</v>
      </c>
    </row>
    <row r="178" spans="1:11" x14ac:dyDescent="0.15">
      <c r="A178" s="190"/>
      <c r="B178" s="189"/>
      <c r="C178" s="182"/>
      <c r="D178" s="182"/>
      <c r="E178" s="9"/>
      <c r="F178" s="189" t="s">
        <v>206</v>
      </c>
      <c r="G178" s="197" t="s">
        <v>255</v>
      </c>
      <c r="H178" s="182" t="s">
        <v>207</v>
      </c>
      <c r="I178" s="182"/>
      <c r="J178" s="182"/>
      <c r="K178" s="9"/>
    </row>
    <row r="179" spans="1:11" x14ac:dyDescent="0.15">
      <c r="A179" s="190"/>
      <c r="B179" s="94" t="s">
        <v>36</v>
      </c>
      <c r="C179" s="182" t="s">
        <v>208</v>
      </c>
      <c r="D179" s="182"/>
      <c r="E179" s="9"/>
      <c r="F179" s="189" t="s">
        <v>259</v>
      </c>
      <c r="G179" s="197" t="s">
        <v>265</v>
      </c>
      <c r="H179" s="182" t="s">
        <v>260</v>
      </c>
      <c r="I179" s="182"/>
      <c r="J179" s="182"/>
      <c r="K179" s="9"/>
    </row>
    <row r="180" spans="1:11" x14ac:dyDescent="0.15">
      <c r="A180" s="190"/>
      <c r="B180" s="94" t="s">
        <v>36</v>
      </c>
      <c r="C180" s="182" t="s">
        <v>209</v>
      </c>
      <c r="D180" s="182"/>
      <c r="E180" s="9"/>
      <c r="F180" s="189" t="s">
        <v>21</v>
      </c>
      <c r="G180" s="196" t="s">
        <v>314</v>
      </c>
      <c r="H180" s="182"/>
      <c r="I180" s="182"/>
      <c r="J180" s="182"/>
      <c r="K180" s="9"/>
    </row>
    <row r="181" spans="1:11" ht="14.25" thickBot="1" x14ac:dyDescent="0.2">
      <c r="A181" s="190"/>
      <c r="B181" s="104" t="s">
        <v>36</v>
      </c>
      <c r="C181" s="184" t="s">
        <v>210</v>
      </c>
      <c r="D181" s="184"/>
      <c r="E181" s="38"/>
      <c r="F181" s="194" t="s">
        <v>262</v>
      </c>
      <c r="G181" s="164" t="s">
        <v>255</v>
      </c>
      <c r="H181" s="184" t="s">
        <v>263</v>
      </c>
      <c r="I181" s="184"/>
      <c r="J181" s="164" t="s">
        <v>265</v>
      </c>
      <c r="K181" s="38" t="s">
        <v>261</v>
      </c>
    </row>
    <row r="182" spans="1:11" x14ac:dyDescent="0.15">
      <c r="A182" s="176" t="s">
        <v>291</v>
      </c>
      <c r="B182" s="116" t="s">
        <v>211</v>
      </c>
      <c r="C182" s="160"/>
      <c r="D182" s="160"/>
      <c r="E182" s="32"/>
      <c r="F182" s="250" t="s">
        <v>198</v>
      </c>
      <c r="G182" s="225"/>
      <c r="H182" s="225"/>
      <c r="I182" s="225"/>
      <c r="J182" s="225"/>
      <c r="K182" s="226"/>
    </row>
    <row r="183" spans="1:11" ht="14.25" thickBot="1" x14ac:dyDescent="0.2">
      <c r="A183" s="176"/>
      <c r="B183" s="104"/>
      <c r="C183" s="184"/>
      <c r="D183" s="184"/>
      <c r="E183" s="38"/>
      <c r="F183" s="42" t="s">
        <v>206</v>
      </c>
      <c r="G183" s="276" t="s">
        <v>212</v>
      </c>
      <c r="H183" s="259"/>
      <c r="I183" s="182" t="s">
        <v>134</v>
      </c>
      <c r="J183" s="182"/>
      <c r="K183" s="9"/>
    </row>
    <row r="184" spans="1:11" x14ac:dyDescent="0.15">
      <c r="A184" s="176" t="s">
        <v>43</v>
      </c>
      <c r="B184" s="186" t="s">
        <v>23</v>
      </c>
      <c r="C184" s="187"/>
      <c r="D184" s="187"/>
      <c r="E184" s="188"/>
      <c r="F184" s="327" t="s">
        <v>306</v>
      </c>
      <c r="G184" s="225"/>
      <c r="H184" s="225"/>
      <c r="I184" s="225"/>
      <c r="J184" s="225"/>
      <c r="K184" s="226"/>
    </row>
    <row r="185" spans="1:11" x14ac:dyDescent="0.15">
      <c r="A185" s="190"/>
      <c r="B185" s="4"/>
      <c r="C185" s="182" t="s">
        <v>112</v>
      </c>
      <c r="D185" s="5"/>
      <c r="E185" s="6"/>
      <c r="F185" s="189" t="s">
        <v>206</v>
      </c>
      <c r="G185" s="321">
        <v>150</v>
      </c>
      <c r="H185" s="321"/>
      <c r="I185" s="182" t="s">
        <v>134</v>
      </c>
      <c r="J185" s="182"/>
      <c r="K185" s="9"/>
    </row>
    <row r="186" spans="1:11" ht="14.25" thickBot="1" x14ac:dyDescent="0.2">
      <c r="A186" s="190"/>
      <c r="B186" s="48"/>
      <c r="C186" s="49"/>
      <c r="D186" s="49"/>
      <c r="E186" s="50"/>
      <c r="F186" s="51" t="s">
        <v>26</v>
      </c>
      <c r="G186" s="184" t="s">
        <v>33</v>
      </c>
      <c r="H186" s="184" t="s">
        <v>28</v>
      </c>
      <c r="I186" s="184" t="s">
        <v>30</v>
      </c>
      <c r="J186" s="184" t="s">
        <v>31</v>
      </c>
      <c r="K186" s="38" t="s">
        <v>29</v>
      </c>
    </row>
    <row r="187" spans="1:11" x14ac:dyDescent="0.15">
      <c r="A187" s="176" t="s">
        <v>43</v>
      </c>
      <c r="B187" s="186" t="s">
        <v>22</v>
      </c>
      <c r="C187" s="187"/>
      <c r="D187" s="187"/>
      <c r="E187" s="188"/>
      <c r="F187" s="250" t="s">
        <v>305</v>
      </c>
      <c r="G187" s="225"/>
      <c r="H187" s="225"/>
      <c r="I187" s="225"/>
      <c r="J187" s="225"/>
      <c r="K187" s="226"/>
    </row>
    <row r="188" spans="1:11" x14ac:dyDescent="0.15">
      <c r="A188" s="190"/>
      <c r="B188" s="4"/>
      <c r="C188" s="182" t="s">
        <v>112</v>
      </c>
      <c r="D188" s="5"/>
      <c r="E188" s="6"/>
      <c r="F188" s="189" t="s">
        <v>206</v>
      </c>
      <c r="G188" s="275" t="s">
        <v>212</v>
      </c>
      <c r="H188" s="285"/>
      <c r="I188" s="182" t="s">
        <v>134</v>
      </c>
      <c r="J188" s="182"/>
      <c r="K188" s="9"/>
    </row>
    <row r="189" spans="1:11" ht="14.25" thickBot="1" x14ac:dyDescent="0.2">
      <c r="A189" s="190"/>
      <c r="B189" s="48"/>
      <c r="C189" s="49"/>
      <c r="D189" s="49"/>
      <c r="E189" s="50"/>
      <c r="F189" s="51" t="s">
        <v>26</v>
      </c>
      <c r="G189" s="184" t="s">
        <v>33</v>
      </c>
      <c r="H189" s="184" t="s">
        <v>28</v>
      </c>
      <c r="I189" s="184" t="s">
        <v>30</v>
      </c>
      <c r="J189" s="184" t="s">
        <v>31</v>
      </c>
      <c r="K189" s="38" t="s">
        <v>29</v>
      </c>
    </row>
    <row r="190" spans="1:11" x14ac:dyDescent="0.15">
      <c r="A190" s="176" t="s">
        <v>291</v>
      </c>
      <c r="B190" s="52" t="s">
        <v>24</v>
      </c>
      <c r="C190" s="53"/>
      <c r="D190" s="53"/>
      <c r="E190" s="54"/>
      <c r="F190" s="52" t="s">
        <v>25</v>
      </c>
      <c r="G190" s="160"/>
      <c r="H190" s="160"/>
      <c r="I190" s="160"/>
      <c r="J190" s="160"/>
      <c r="K190" s="32"/>
    </row>
    <row r="191" spans="1:11" x14ac:dyDescent="0.15">
      <c r="A191" s="190"/>
      <c r="B191" s="4"/>
      <c r="C191" s="182" t="s">
        <v>112</v>
      </c>
      <c r="D191" s="5"/>
      <c r="E191" s="6"/>
      <c r="F191" s="4" t="s">
        <v>26</v>
      </c>
      <c r="G191" s="182" t="s">
        <v>27</v>
      </c>
      <c r="H191" s="182" t="s">
        <v>28</v>
      </c>
      <c r="I191" s="182" t="s">
        <v>30</v>
      </c>
      <c r="J191" s="182" t="s">
        <v>31</v>
      </c>
      <c r="K191" s="9" t="s">
        <v>29</v>
      </c>
    </row>
    <row r="192" spans="1:11" ht="14.25" thickBot="1" x14ac:dyDescent="0.2">
      <c r="A192" s="190"/>
      <c r="B192" s="48"/>
      <c r="C192" s="49"/>
      <c r="D192" s="49"/>
      <c r="E192" s="50"/>
      <c r="F192" s="48"/>
      <c r="G192" s="184"/>
      <c r="H192" s="184"/>
      <c r="I192" s="184"/>
      <c r="J192" s="184"/>
      <c r="K192" s="38"/>
    </row>
    <row r="193" spans="1:11" ht="14.25" x14ac:dyDescent="0.15">
      <c r="A193" s="98" t="s">
        <v>136</v>
      </c>
      <c r="B193" s="47"/>
      <c r="C193" s="5"/>
      <c r="D193" s="5"/>
      <c r="E193" s="5"/>
      <c r="F193" s="47"/>
      <c r="G193" s="182"/>
      <c r="H193" s="182"/>
      <c r="I193" s="182"/>
      <c r="J193" s="182"/>
      <c r="K193" s="182"/>
    </row>
    <row r="194" spans="1:11" ht="14.25" x14ac:dyDescent="0.15">
      <c r="A194" s="98" t="s">
        <v>137</v>
      </c>
      <c r="B194" s="47"/>
      <c r="C194" s="5"/>
      <c r="D194" s="5"/>
      <c r="E194" s="5"/>
      <c r="F194" s="47"/>
      <c r="G194" s="182"/>
      <c r="H194" s="182"/>
      <c r="I194" s="182"/>
      <c r="J194" s="182"/>
      <c r="K194" s="182"/>
    </row>
    <row r="195" spans="1:11" x14ac:dyDescent="0.15">
      <c r="A195" s="190"/>
      <c r="B195" s="47"/>
      <c r="C195" s="5"/>
      <c r="D195" s="5"/>
      <c r="E195" s="5"/>
      <c r="F195" s="47"/>
      <c r="G195" s="182"/>
      <c r="H195" s="182"/>
      <c r="I195" s="182"/>
      <c r="J195" s="182"/>
      <c r="K195" s="182"/>
    </row>
    <row r="196" spans="1:11" x14ac:dyDescent="0.15">
      <c r="A196" s="55"/>
      <c r="B196" s="47"/>
      <c r="C196" s="5"/>
      <c r="D196" s="5"/>
      <c r="E196" s="5"/>
      <c r="F196" s="47"/>
      <c r="G196" s="182"/>
      <c r="H196" s="182"/>
      <c r="I196" s="182"/>
      <c r="J196" s="182"/>
      <c r="K196" s="182"/>
    </row>
    <row r="197" spans="1:11" x14ac:dyDescent="0.15">
      <c r="A197" s="55"/>
      <c r="B197" s="47"/>
      <c r="C197" s="5"/>
      <c r="D197" s="5"/>
      <c r="E197" s="5"/>
      <c r="F197" s="47"/>
      <c r="G197" s="182"/>
      <c r="H197" s="182"/>
      <c r="I197" s="182"/>
      <c r="J197" s="182"/>
      <c r="K197" s="182"/>
    </row>
    <row r="198" spans="1:11" x14ac:dyDescent="0.15">
      <c r="A198" s="55"/>
      <c r="B198" s="47"/>
      <c r="C198" s="5"/>
      <c r="D198" s="5"/>
      <c r="E198" s="5"/>
      <c r="F198" s="47"/>
      <c r="G198" s="182"/>
      <c r="H198" s="182"/>
      <c r="I198" s="182"/>
      <c r="J198" s="182"/>
      <c r="K198" s="182"/>
    </row>
    <row r="199" spans="1:11" x14ac:dyDescent="0.15">
      <c r="A199" s="55"/>
      <c r="B199" s="47"/>
      <c r="C199" s="5"/>
      <c r="D199" s="5"/>
      <c r="E199" s="5"/>
      <c r="F199" s="47"/>
      <c r="G199" s="182"/>
      <c r="H199" s="182"/>
      <c r="I199" s="182"/>
      <c r="J199" s="182"/>
      <c r="K199" s="182"/>
    </row>
    <row r="200" spans="1:11" x14ac:dyDescent="0.15">
      <c r="A200" s="55"/>
      <c r="B200" s="47"/>
      <c r="C200" s="5"/>
      <c r="D200" s="5"/>
      <c r="E200" s="5"/>
      <c r="F200" s="47"/>
      <c r="G200" s="182"/>
      <c r="H200" s="182"/>
      <c r="I200" s="182"/>
      <c r="J200" s="182"/>
      <c r="K200" s="182"/>
    </row>
    <row r="201" spans="1:11" x14ac:dyDescent="0.15">
      <c r="A201" s="55"/>
      <c r="B201" s="47"/>
      <c r="C201" s="5"/>
      <c r="D201" s="5"/>
      <c r="E201" s="5"/>
      <c r="F201" s="47"/>
      <c r="G201" s="182"/>
      <c r="H201" s="182"/>
      <c r="I201" s="182"/>
      <c r="J201" s="182"/>
      <c r="K201" s="182"/>
    </row>
    <row r="202" spans="1:11" x14ac:dyDescent="0.15">
      <c r="A202" s="55"/>
      <c r="B202" s="47"/>
      <c r="C202" s="5"/>
      <c r="D202" s="5"/>
      <c r="E202" s="5"/>
      <c r="F202" s="47"/>
      <c r="G202" s="182"/>
      <c r="H202" s="182"/>
      <c r="I202" s="182"/>
      <c r="J202" s="182"/>
      <c r="K202" s="182"/>
    </row>
    <row r="203" spans="1:11" x14ac:dyDescent="0.15">
      <c r="A203" s="55"/>
      <c r="B203" s="47"/>
      <c r="C203" s="5"/>
      <c r="D203" s="5"/>
      <c r="E203" s="5"/>
      <c r="F203" s="47"/>
      <c r="G203" s="182"/>
      <c r="H203" s="182"/>
      <c r="I203" s="182"/>
      <c r="J203" s="182"/>
      <c r="K203" s="182"/>
    </row>
    <row r="204" spans="1:11" x14ac:dyDescent="0.15">
      <c r="A204" s="55"/>
      <c r="B204" s="47"/>
      <c r="C204" s="5"/>
      <c r="D204" s="5"/>
      <c r="E204" s="5"/>
      <c r="F204" s="47"/>
      <c r="G204" s="182"/>
      <c r="H204" s="182"/>
      <c r="I204" s="182"/>
      <c r="J204" s="182"/>
      <c r="K204" s="182"/>
    </row>
    <row r="205" spans="1:11" x14ac:dyDescent="0.15">
      <c r="A205" s="55"/>
      <c r="B205" s="47"/>
      <c r="C205" s="5"/>
      <c r="D205" s="5"/>
      <c r="E205" s="5"/>
      <c r="F205" s="47"/>
      <c r="G205" s="182"/>
      <c r="H205" s="182"/>
      <c r="I205" s="182"/>
      <c r="J205" s="182"/>
      <c r="K205" s="182"/>
    </row>
    <row r="206" spans="1:11" x14ac:dyDescent="0.15">
      <c r="A206" s="55"/>
      <c r="B206" s="47"/>
      <c r="C206" s="5"/>
      <c r="D206" s="5"/>
      <c r="E206" s="5"/>
      <c r="F206" s="47"/>
      <c r="G206" s="182"/>
      <c r="H206" s="182"/>
      <c r="I206" s="182"/>
      <c r="J206" s="182"/>
      <c r="K206" s="182"/>
    </row>
    <row r="207" spans="1:11" x14ac:dyDescent="0.15">
      <c r="A207" s="55"/>
      <c r="B207" s="47"/>
      <c r="C207" s="5"/>
      <c r="D207" s="5"/>
      <c r="E207" s="5"/>
      <c r="F207" s="47"/>
      <c r="G207" s="182"/>
      <c r="H207" s="182"/>
      <c r="I207" s="182"/>
      <c r="J207" s="182"/>
      <c r="K207" s="182"/>
    </row>
    <row r="208" spans="1:11" x14ac:dyDescent="0.15">
      <c r="A208" s="55"/>
      <c r="B208" s="47"/>
      <c r="C208" s="5"/>
      <c r="D208" s="5"/>
      <c r="E208" s="5"/>
      <c r="F208" s="47"/>
      <c r="G208" s="182"/>
      <c r="H208" s="182"/>
      <c r="I208" s="182"/>
      <c r="J208" s="182"/>
      <c r="K208" s="182"/>
    </row>
    <row r="209" spans="1:11" x14ac:dyDescent="0.15">
      <c r="A209" s="55"/>
      <c r="B209" s="47"/>
      <c r="C209" s="5"/>
      <c r="D209" s="5"/>
      <c r="E209" s="5"/>
      <c r="F209" s="47"/>
      <c r="G209" s="182"/>
      <c r="H209" s="182"/>
      <c r="I209" s="182"/>
      <c r="J209" s="182"/>
      <c r="K209" s="182"/>
    </row>
    <row r="210" spans="1:11" x14ac:dyDescent="0.15">
      <c r="A210" s="55"/>
      <c r="B210" s="47"/>
      <c r="C210" s="5"/>
      <c r="D210" s="5"/>
      <c r="E210" s="5"/>
      <c r="F210" s="47"/>
      <c r="G210" s="182"/>
      <c r="H210" s="182"/>
      <c r="I210" s="182"/>
      <c r="J210" s="182"/>
      <c r="K210" s="182"/>
    </row>
    <row r="211" spans="1:11" x14ac:dyDescent="0.15">
      <c r="A211" s="55"/>
      <c r="B211" s="47"/>
      <c r="C211" s="5"/>
      <c r="D211" s="5"/>
      <c r="E211" s="5"/>
      <c r="F211" s="47"/>
      <c r="G211" s="182"/>
      <c r="H211" s="182"/>
      <c r="I211" s="182"/>
      <c r="J211" s="182"/>
      <c r="K211" s="182"/>
    </row>
    <row r="212" spans="1:11" x14ac:dyDescent="0.15">
      <c r="A212" s="55"/>
      <c r="B212" s="47"/>
      <c r="C212" s="5"/>
      <c r="D212" s="5"/>
      <c r="E212" s="5"/>
      <c r="F212" s="47"/>
      <c r="G212" s="182"/>
      <c r="H212" s="182"/>
      <c r="I212" s="182"/>
      <c r="J212" s="182"/>
      <c r="K212" s="182"/>
    </row>
    <row r="213" spans="1:11" x14ac:dyDescent="0.15">
      <c r="A213" s="55"/>
      <c r="B213" s="47"/>
      <c r="C213" s="5"/>
      <c r="D213" s="5"/>
      <c r="E213" s="5"/>
      <c r="F213" s="47"/>
      <c r="G213" s="182"/>
      <c r="H213" s="182"/>
      <c r="I213" s="182"/>
      <c r="J213" s="182"/>
      <c r="K213" s="182"/>
    </row>
    <row r="214" spans="1:11" x14ac:dyDescent="0.15">
      <c r="A214" s="55"/>
      <c r="B214" s="47"/>
      <c r="C214" s="5"/>
      <c r="D214" s="5"/>
      <c r="E214" s="5"/>
      <c r="F214" s="47"/>
      <c r="G214" s="182"/>
      <c r="H214" s="182"/>
      <c r="I214" s="182"/>
      <c r="J214" s="182"/>
      <c r="K214" s="182"/>
    </row>
    <row r="215" spans="1:11" x14ac:dyDescent="0.15">
      <c r="A215" s="55"/>
      <c r="B215" s="47"/>
      <c r="C215" s="5"/>
      <c r="D215" s="5"/>
      <c r="E215" s="5"/>
      <c r="F215" s="47"/>
      <c r="G215" s="182"/>
      <c r="H215" s="182"/>
      <c r="I215" s="182"/>
      <c r="J215" s="182"/>
      <c r="K215" s="182"/>
    </row>
    <row r="216" spans="1:11" x14ac:dyDescent="0.15">
      <c r="A216" s="55"/>
      <c r="B216" s="47"/>
      <c r="C216" s="5"/>
      <c r="D216" s="5"/>
      <c r="E216" s="5"/>
      <c r="F216" s="47"/>
      <c r="G216" s="182"/>
      <c r="H216" s="182"/>
      <c r="I216" s="182"/>
      <c r="J216" s="182"/>
      <c r="K216" s="182"/>
    </row>
    <row r="217" spans="1:11" x14ac:dyDescent="0.15">
      <c r="A217" s="55"/>
      <c r="B217" s="47"/>
      <c r="C217" s="5"/>
      <c r="D217" s="5"/>
      <c r="E217" s="5"/>
      <c r="F217" s="47"/>
      <c r="G217" s="182"/>
      <c r="H217" s="182"/>
      <c r="I217" s="182"/>
      <c r="J217" s="182"/>
      <c r="K217" s="182"/>
    </row>
    <row r="218" spans="1:11" x14ac:dyDescent="0.15">
      <c r="A218" s="55"/>
      <c r="B218" s="47"/>
      <c r="C218" s="5"/>
      <c r="D218" s="5"/>
      <c r="E218" s="5"/>
      <c r="F218" s="47"/>
      <c r="G218" s="182"/>
      <c r="H218" s="182"/>
      <c r="I218" s="182"/>
      <c r="J218" s="182"/>
      <c r="K218" s="182"/>
    </row>
    <row r="219" spans="1:11" x14ac:dyDescent="0.15">
      <c r="A219" s="55"/>
      <c r="B219" s="47"/>
      <c r="C219" s="5"/>
      <c r="D219" s="5"/>
      <c r="E219" s="5"/>
      <c r="F219" s="47"/>
      <c r="G219" s="182"/>
      <c r="H219" s="182"/>
      <c r="I219" s="182"/>
      <c r="J219" s="182"/>
      <c r="K219" s="182"/>
    </row>
    <row r="220" spans="1:11" x14ac:dyDescent="0.15">
      <c r="A220" s="55"/>
      <c r="B220" s="47"/>
      <c r="C220" s="5"/>
      <c r="D220" s="5"/>
      <c r="E220" s="5"/>
      <c r="F220" s="47"/>
      <c r="G220" s="182"/>
      <c r="H220" s="182"/>
      <c r="I220" s="182"/>
      <c r="J220" s="182"/>
      <c r="K220" s="182"/>
    </row>
    <row r="221" spans="1:11" x14ac:dyDescent="0.15">
      <c r="A221" s="55"/>
      <c r="B221" s="47"/>
      <c r="C221" s="5"/>
      <c r="D221" s="5"/>
      <c r="E221" s="5"/>
      <c r="F221" s="47"/>
      <c r="G221" s="182"/>
      <c r="H221" s="182"/>
      <c r="I221" s="182"/>
      <c r="J221" s="182"/>
      <c r="K221" s="182"/>
    </row>
    <row r="222" spans="1:11" x14ac:dyDescent="0.15">
      <c r="A222" s="55"/>
      <c r="B222" s="47"/>
      <c r="C222" s="5"/>
      <c r="D222" s="5"/>
      <c r="E222" s="5"/>
      <c r="F222" s="47"/>
      <c r="G222" s="182"/>
      <c r="H222" s="182"/>
      <c r="I222" s="182"/>
      <c r="J222" s="182"/>
      <c r="K222" s="182"/>
    </row>
    <row r="223" spans="1:11" x14ac:dyDescent="0.15">
      <c r="A223" s="55"/>
      <c r="B223" s="47"/>
      <c r="C223" s="5"/>
      <c r="D223" s="5"/>
      <c r="E223" s="5"/>
      <c r="F223" s="47"/>
      <c r="G223" s="182"/>
      <c r="H223" s="182"/>
      <c r="I223" s="182"/>
      <c r="J223" s="182"/>
      <c r="K223" s="182"/>
    </row>
    <row r="224" spans="1:11" ht="21.75" thickBot="1" x14ac:dyDescent="0.2">
      <c r="A224" s="107" t="s">
        <v>139</v>
      </c>
      <c r="B224" s="105"/>
      <c r="C224" s="105"/>
      <c r="D224" s="105"/>
      <c r="E224" s="47"/>
      <c r="F224" s="182"/>
      <c r="G224" s="182"/>
      <c r="H224" s="182"/>
      <c r="I224" s="182"/>
      <c r="J224" s="182"/>
      <c r="K224" s="182"/>
    </row>
    <row r="225" spans="1:11" ht="18" thickBot="1" x14ac:dyDescent="0.2">
      <c r="A225" s="108" t="s">
        <v>10</v>
      </c>
      <c r="B225" s="216" t="s">
        <v>138</v>
      </c>
      <c r="C225" s="217"/>
      <c r="D225" s="218"/>
      <c r="E225" s="216" t="s">
        <v>214</v>
      </c>
      <c r="F225" s="217"/>
      <c r="G225" s="217"/>
      <c r="H225" s="218"/>
      <c r="I225" s="216" t="s">
        <v>110</v>
      </c>
      <c r="J225" s="217"/>
      <c r="K225" s="218"/>
    </row>
    <row r="226" spans="1:11" x14ac:dyDescent="0.15">
      <c r="A226" s="109">
        <v>1</v>
      </c>
      <c r="B226" s="110"/>
      <c r="C226" s="160"/>
      <c r="D226" s="32"/>
      <c r="E226" s="116"/>
      <c r="F226" s="160"/>
      <c r="G226" s="160"/>
      <c r="H226" s="32"/>
      <c r="I226" s="160"/>
      <c r="J226" s="160"/>
      <c r="K226" s="32"/>
    </row>
    <row r="227" spans="1:11" x14ac:dyDescent="0.15">
      <c r="A227" s="111"/>
      <c r="B227" s="112"/>
      <c r="C227" s="182"/>
      <c r="D227" s="9"/>
      <c r="E227" s="23"/>
      <c r="F227" s="182"/>
      <c r="G227" s="182"/>
      <c r="H227" s="9"/>
      <c r="I227" s="182"/>
      <c r="J227" s="182"/>
      <c r="K227" s="9"/>
    </row>
    <row r="228" spans="1:11" x14ac:dyDescent="0.15">
      <c r="A228" s="111">
        <v>4.1666666666666664E-2</v>
      </c>
      <c r="B228" s="112"/>
      <c r="C228" s="182"/>
      <c r="D228" s="9"/>
      <c r="E228" s="23"/>
      <c r="F228" s="106"/>
      <c r="G228" s="182"/>
      <c r="H228" s="9"/>
      <c r="I228" s="182"/>
      <c r="J228" s="182"/>
      <c r="K228" s="9"/>
    </row>
    <row r="229" spans="1:11" x14ac:dyDescent="0.15">
      <c r="A229" s="113"/>
      <c r="B229" s="112"/>
      <c r="C229" s="182"/>
      <c r="D229" s="9"/>
      <c r="E229" s="23"/>
      <c r="F229" s="106"/>
      <c r="G229" s="182"/>
      <c r="H229" s="9"/>
      <c r="I229" s="182"/>
      <c r="J229" s="182"/>
      <c r="K229" s="9"/>
    </row>
    <row r="230" spans="1:11" x14ac:dyDescent="0.15">
      <c r="A230" s="111">
        <v>8.3333333333333329E-2</v>
      </c>
      <c r="B230" s="112"/>
      <c r="C230" s="182"/>
      <c r="D230" s="9"/>
      <c r="E230" s="23"/>
      <c r="F230" s="106"/>
      <c r="G230" s="182"/>
      <c r="H230" s="9"/>
      <c r="I230" s="182"/>
      <c r="J230" s="182"/>
      <c r="K230" s="9"/>
    </row>
    <row r="231" spans="1:11" x14ac:dyDescent="0.15">
      <c r="A231" s="113"/>
      <c r="B231" s="112"/>
      <c r="C231" s="182"/>
      <c r="D231" s="9"/>
      <c r="E231" s="23"/>
      <c r="F231" s="106"/>
      <c r="G231" s="182"/>
      <c r="H231" s="9"/>
      <c r="I231" s="182"/>
      <c r="J231" s="182"/>
      <c r="K231" s="9"/>
    </row>
    <row r="232" spans="1:11" x14ac:dyDescent="0.15">
      <c r="A232" s="111">
        <v>0.125</v>
      </c>
      <c r="B232" s="112"/>
      <c r="C232" s="182"/>
      <c r="D232" s="9"/>
      <c r="E232" s="23"/>
      <c r="F232" s="106"/>
      <c r="G232" s="182"/>
      <c r="H232" s="9"/>
      <c r="I232" s="182"/>
      <c r="J232" s="182"/>
      <c r="K232" s="9"/>
    </row>
    <row r="233" spans="1:11" x14ac:dyDescent="0.15">
      <c r="A233" s="113"/>
      <c r="B233" s="112"/>
      <c r="C233" s="182"/>
      <c r="D233" s="9"/>
      <c r="E233" s="23"/>
      <c r="F233" s="106"/>
      <c r="G233" s="182"/>
      <c r="H233" s="9"/>
      <c r="I233" s="182"/>
      <c r="J233" s="182"/>
      <c r="K233" s="9"/>
    </row>
    <row r="234" spans="1:11" x14ac:dyDescent="0.15">
      <c r="A234" s="111">
        <v>0.16666666666666666</v>
      </c>
      <c r="B234" s="112"/>
      <c r="C234" s="182"/>
      <c r="D234" s="9"/>
      <c r="E234" s="23"/>
      <c r="F234" s="106"/>
      <c r="G234" s="182"/>
      <c r="H234" s="9"/>
      <c r="I234" s="182"/>
      <c r="J234" s="182"/>
      <c r="K234" s="9"/>
    </row>
    <row r="235" spans="1:11" x14ac:dyDescent="0.15">
      <c r="A235" s="113"/>
      <c r="B235" s="112"/>
      <c r="C235" s="182"/>
      <c r="D235" s="9"/>
      <c r="E235" s="23"/>
      <c r="F235" s="106"/>
      <c r="G235" s="182"/>
      <c r="H235" s="9"/>
      <c r="I235" s="182"/>
      <c r="J235" s="182"/>
      <c r="K235" s="9"/>
    </row>
    <row r="236" spans="1:11" x14ac:dyDescent="0.15">
      <c r="A236" s="111">
        <v>0.20833333333333334</v>
      </c>
      <c r="B236" s="112"/>
      <c r="C236" s="182"/>
      <c r="D236" s="9"/>
      <c r="E236" s="23"/>
      <c r="F236" s="106"/>
      <c r="G236" s="182"/>
      <c r="H236" s="9"/>
      <c r="I236" s="182"/>
      <c r="J236" s="182"/>
      <c r="K236" s="9"/>
    </row>
    <row r="237" spans="1:11" x14ac:dyDescent="0.15">
      <c r="A237" s="113"/>
      <c r="B237" s="112"/>
      <c r="C237" s="182"/>
      <c r="D237" s="9"/>
      <c r="E237" s="23"/>
      <c r="F237" s="182"/>
      <c r="G237" s="182"/>
      <c r="H237" s="9"/>
      <c r="I237" s="182"/>
      <c r="J237" s="182"/>
      <c r="K237" s="9"/>
    </row>
    <row r="238" spans="1:11" x14ac:dyDescent="0.15">
      <c r="A238" s="111">
        <v>0.25</v>
      </c>
      <c r="B238" s="112"/>
      <c r="C238" s="182"/>
      <c r="D238" s="9"/>
      <c r="E238" s="23"/>
      <c r="F238" s="182"/>
      <c r="G238" s="182"/>
      <c r="H238" s="9"/>
      <c r="I238" s="182"/>
      <c r="J238" s="182"/>
      <c r="K238" s="9"/>
    </row>
    <row r="239" spans="1:11" x14ac:dyDescent="0.15">
      <c r="A239" s="113"/>
      <c r="B239" s="112"/>
      <c r="C239" s="182"/>
      <c r="D239" s="9"/>
      <c r="E239" s="23"/>
      <c r="F239" s="182"/>
      <c r="G239" s="182"/>
      <c r="H239" s="9"/>
      <c r="I239" s="182"/>
      <c r="J239" s="182"/>
      <c r="K239" s="9"/>
    </row>
    <row r="240" spans="1:11" x14ac:dyDescent="0.15">
      <c r="A240" s="111">
        <v>0.29166666666666669</v>
      </c>
      <c r="B240" s="112"/>
      <c r="C240" s="182"/>
      <c r="D240" s="9"/>
      <c r="E240" s="23"/>
      <c r="F240" s="182"/>
      <c r="G240" s="182"/>
      <c r="H240" s="9"/>
      <c r="I240" s="182"/>
      <c r="J240" s="182"/>
      <c r="K240" s="9"/>
    </row>
    <row r="241" spans="1:11" x14ac:dyDescent="0.15">
      <c r="A241" s="113"/>
      <c r="B241" s="112"/>
      <c r="C241" s="182"/>
      <c r="D241" s="9"/>
      <c r="E241" s="23"/>
      <c r="F241" s="182"/>
      <c r="G241" s="182"/>
      <c r="H241" s="9"/>
      <c r="I241" s="182"/>
      <c r="J241" s="182"/>
      <c r="K241" s="9"/>
    </row>
    <row r="242" spans="1:11" x14ac:dyDescent="0.15">
      <c r="A242" s="111">
        <v>0.33333333333333331</v>
      </c>
      <c r="B242" s="112"/>
      <c r="C242" s="182"/>
      <c r="D242" s="9"/>
      <c r="E242" s="23"/>
      <c r="F242" s="182"/>
      <c r="G242" s="182"/>
      <c r="H242" s="9"/>
      <c r="I242" s="182"/>
      <c r="J242" s="182"/>
      <c r="K242" s="9"/>
    </row>
    <row r="243" spans="1:11" x14ac:dyDescent="0.15">
      <c r="A243" s="113"/>
      <c r="B243" s="112"/>
      <c r="C243" s="182"/>
      <c r="D243" s="9"/>
      <c r="E243" s="23"/>
      <c r="F243" s="182"/>
      <c r="G243" s="182"/>
      <c r="H243" s="9"/>
      <c r="I243" s="182"/>
      <c r="J243" s="182"/>
      <c r="K243" s="9"/>
    </row>
    <row r="244" spans="1:11" x14ac:dyDescent="0.15">
      <c r="A244" s="111">
        <v>0.375</v>
      </c>
      <c r="B244" s="112"/>
      <c r="C244" s="182"/>
      <c r="D244" s="9"/>
      <c r="E244" s="23"/>
      <c r="F244" s="182"/>
      <c r="G244" s="182"/>
      <c r="H244" s="9"/>
      <c r="I244" s="182"/>
      <c r="J244" s="182"/>
      <c r="K244" s="9"/>
    </row>
    <row r="245" spans="1:11" x14ac:dyDescent="0.15">
      <c r="A245" s="113"/>
      <c r="B245" s="112"/>
      <c r="C245" s="182"/>
      <c r="D245" s="9"/>
      <c r="E245" s="23"/>
      <c r="F245" s="182"/>
      <c r="G245" s="182"/>
      <c r="H245" s="9"/>
      <c r="I245" s="182"/>
      <c r="J245" s="182"/>
      <c r="K245" s="9"/>
    </row>
    <row r="246" spans="1:11" x14ac:dyDescent="0.15">
      <c r="A246" s="111">
        <v>0.41666666666666669</v>
      </c>
      <c r="B246" s="112"/>
      <c r="C246" s="182"/>
      <c r="D246" s="9"/>
      <c r="E246" s="23"/>
      <c r="F246" s="182"/>
      <c r="G246" s="182"/>
      <c r="H246" s="9"/>
      <c r="I246" s="182"/>
      <c r="J246" s="182"/>
      <c r="K246" s="9"/>
    </row>
    <row r="247" spans="1:11" x14ac:dyDescent="0.15">
      <c r="A247" s="113"/>
      <c r="B247" s="112"/>
      <c r="C247" s="182"/>
      <c r="D247" s="9"/>
      <c r="E247" s="23"/>
      <c r="F247" s="182"/>
      <c r="G247" s="182"/>
      <c r="H247" s="9"/>
      <c r="I247" s="182"/>
      <c r="J247" s="182"/>
      <c r="K247" s="9"/>
    </row>
    <row r="248" spans="1:11" x14ac:dyDescent="0.15">
      <c r="A248" s="111">
        <v>0.45833333333333331</v>
      </c>
      <c r="B248" s="112"/>
      <c r="C248" s="182"/>
      <c r="D248" s="9"/>
      <c r="E248" s="23"/>
      <c r="F248" s="182"/>
      <c r="G248" s="182"/>
      <c r="H248" s="9"/>
      <c r="I248" s="182"/>
      <c r="J248" s="182"/>
      <c r="K248" s="9"/>
    </row>
    <row r="249" spans="1:11" x14ac:dyDescent="0.15">
      <c r="A249" s="113"/>
      <c r="B249" s="112"/>
      <c r="C249" s="182"/>
      <c r="D249" s="9"/>
      <c r="E249" s="23"/>
      <c r="F249" s="182"/>
      <c r="G249" s="182"/>
      <c r="H249" s="9"/>
      <c r="I249" s="182"/>
      <c r="J249" s="182"/>
      <c r="K249" s="9"/>
    </row>
    <row r="250" spans="1:11" x14ac:dyDescent="0.15">
      <c r="A250" s="111">
        <v>0.5</v>
      </c>
      <c r="B250" s="112"/>
      <c r="C250" s="182"/>
      <c r="D250" s="9"/>
      <c r="E250" s="23"/>
      <c r="F250" s="182"/>
      <c r="G250" s="182"/>
      <c r="H250" s="9"/>
      <c r="I250" s="182"/>
      <c r="J250" s="182"/>
      <c r="K250" s="9"/>
    </row>
    <row r="251" spans="1:11" x14ac:dyDescent="0.15">
      <c r="A251" s="113"/>
      <c r="B251" s="112"/>
      <c r="C251" s="182"/>
      <c r="D251" s="9"/>
      <c r="E251" s="23"/>
      <c r="F251" s="182"/>
      <c r="G251" s="182"/>
      <c r="H251" s="9"/>
      <c r="I251" s="182"/>
      <c r="J251" s="182"/>
      <c r="K251" s="9"/>
    </row>
    <row r="252" spans="1:11" x14ac:dyDescent="0.15">
      <c r="A252" s="111">
        <v>0.54166666666666663</v>
      </c>
      <c r="B252" s="112"/>
      <c r="C252" s="182"/>
      <c r="D252" s="9"/>
      <c r="E252" s="23"/>
      <c r="F252" s="182"/>
      <c r="G252" s="182"/>
      <c r="H252" s="9"/>
      <c r="I252" s="182"/>
      <c r="J252" s="182"/>
      <c r="K252" s="9"/>
    </row>
    <row r="253" spans="1:11" x14ac:dyDescent="0.15">
      <c r="A253" s="113"/>
      <c r="B253" s="112"/>
      <c r="C253" s="182"/>
      <c r="D253" s="9"/>
      <c r="E253" s="23"/>
      <c r="F253" s="182"/>
      <c r="G253" s="182"/>
      <c r="H253" s="9"/>
      <c r="I253" s="182"/>
      <c r="J253" s="182"/>
      <c r="K253" s="9"/>
    </row>
    <row r="254" spans="1:11" x14ac:dyDescent="0.15">
      <c r="A254" s="111">
        <v>0.58333333333333337</v>
      </c>
      <c r="B254" s="112"/>
      <c r="C254" s="182"/>
      <c r="D254" s="9"/>
      <c r="E254" s="23"/>
      <c r="F254" s="182"/>
      <c r="G254" s="182"/>
      <c r="H254" s="9"/>
      <c r="I254" s="182"/>
      <c r="J254" s="182"/>
      <c r="K254" s="9"/>
    </row>
    <row r="255" spans="1:11" x14ac:dyDescent="0.15">
      <c r="A255" s="113"/>
      <c r="B255" s="112"/>
      <c r="C255" s="182"/>
      <c r="D255" s="9"/>
      <c r="E255" s="23"/>
      <c r="F255" s="182"/>
      <c r="G255" s="182"/>
      <c r="H255" s="9"/>
      <c r="I255" s="182"/>
      <c r="J255" s="182"/>
      <c r="K255" s="9"/>
    </row>
    <row r="256" spans="1:11" x14ac:dyDescent="0.15">
      <c r="A256" s="111">
        <v>0.625</v>
      </c>
      <c r="B256" s="112"/>
      <c r="C256" s="182"/>
      <c r="D256" s="9"/>
      <c r="E256" s="23"/>
      <c r="F256" s="182"/>
      <c r="G256" s="182"/>
      <c r="H256" s="9"/>
      <c r="I256" s="182"/>
      <c r="J256" s="182"/>
      <c r="K256" s="9"/>
    </row>
    <row r="257" spans="1:11" x14ac:dyDescent="0.15">
      <c r="A257" s="113"/>
      <c r="B257" s="112"/>
      <c r="C257" s="182"/>
      <c r="D257" s="9"/>
      <c r="E257" s="23"/>
      <c r="F257" s="182"/>
      <c r="G257" s="182"/>
      <c r="H257" s="9"/>
      <c r="I257" s="182"/>
      <c r="J257" s="182"/>
      <c r="K257" s="9"/>
    </row>
    <row r="258" spans="1:11" x14ac:dyDescent="0.15">
      <c r="A258" s="111">
        <v>0.66666666666666663</v>
      </c>
      <c r="B258" s="112"/>
      <c r="C258" s="182"/>
      <c r="D258" s="9"/>
      <c r="E258" s="23"/>
      <c r="F258" s="182"/>
      <c r="G258" s="182"/>
      <c r="H258" s="9"/>
      <c r="I258" s="182"/>
      <c r="J258" s="182"/>
      <c r="K258" s="9"/>
    </row>
    <row r="259" spans="1:11" x14ac:dyDescent="0.15">
      <c r="A259" s="113"/>
      <c r="B259" s="112"/>
      <c r="C259" s="182"/>
      <c r="D259" s="9"/>
      <c r="E259" s="23"/>
      <c r="F259" s="182"/>
      <c r="G259" s="182"/>
      <c r="H259" s="9"/>
      <c r="I259" s="182"/>
      <c r="J259" s="182"/>
      <c r="K259" s="9"/>
    </row>
    <row r="260" spans="1:11" x14ac:dyDescent="0.15">
      <c r="A260" s="111">
        <v>0.70833333333333337</v>
      </c>
      <c r="B260" s="112"/>
      <c r="C260" s="182"/>
      <c r="D260" s="9"/>
      <c r="E260" s="23"/>
      <c r="F260" s="182"/>
      <c r="G260" s="182"/>
      <c r="H260" s="9"/>
      <c r="I260" s="182"/>
      <c r="J260" s="182"/>
      <c r="K260" s="9"/>
    </row>
    <row r="261" spans="1:11" x14ac:dyDescent="0.15">
      <c r="A261" s="113"/>
      <c r="B261" s="112"/>
      <c r="C261" s="182"/>
      <c r="D261" s="9"/>
      <c r="E261" s="23"/>
      <c r="F261" s="182"/>
      <c r="G261" s="182"/>
      <c r="H261" s="9"/>
      <c r="I261" s="182"/>
      <c r="J261" s="182"/>
      <c r="K261" s="9"/>
    </row>
    <row r="262" spans="1:11" x14ac:dyDescent="0.15">
      <c r="A262" s="111">
        <v>0.75</v>
      </c>
      <c r="B262" s="112"/>
      <c r="C262" s="182"/>
      <c r="D262" s="9"/>
      <c r="E262" s="23"/>
      <c r="F262" s="182"/>
      <c r="G262" s="182"/>
      <c r="H262" s="9"/>
      <c r="I262" s="182"/>
      <c r="J262" s="182"/>
      <c r="K262" s="9"/>
    </row>
    <row r="263" spans="1:11" x14ac:dyDescent="0.15">
      <c r="A263" s="113"/>
      <c r="B263" s="112"/>
      <c r="C263" s="182"/>
      <c r="D263" s="9"/>
      <c r="E263" s="23"/>
      <c r="F263" s="182"/>
      <c r="G263" s="182"/>
      <c r="H263" s="9"/>
      <c r="I263" s="182"/>
      <c r="J263" s="182"/>
      <c r="K263" s="9"/>
    </row>
    <row r="264" spans="1:11" x14ac:dyDescent="0.15">
      <c r="A264" s="111">
        <v>0.79166666666666663</v>
      </c>
      <c r="B264" s="112"/>
      <c r="C264" s="182"/>
      <c r="D264" s="9"/>
      <c r="E264" s="23"/>
      <c r="F264" s="182"/>
      <c r="G264" s="182"/>
      <c r="H264" s="9"/>
      <c r="I264" s="182"/>
      <c r="J264" s="182"/>
      <c r="K264" s="9"/>
    </row>
    <row r="265" spans="1:11" x14ac:dyDescent="0.15">
      <c r="A265" s="113"/>
      <c r="B265" s="112"/>
      <c r="C265" s="182"/>
      <c r="D265" s="9"/>
      <c r="E265" s="23"/>
      <c r="F265" s="182"/>
      <c r="G265" s="182"/>
      <c r="H265" s="9"/>
      <c r="I265" s="182"/>
      <c r="J265" s="182"/>
      <c r="K265" s="9"/>
    </row>
    <row r="266" spans="1:11" x14ac:dyDescent="0.15">
      <c r="A266" s="111">
        <v>0.83333333333333337</v>
      </c>
      <c r="B266" s="112"/>
      <c r="C266" s="182"/>
      <c r="D266" s="9"/>
      <c r="E266" s="23"/>
      <c r="F266" s="182"/>
      <c r="G266" s="182"/>
      <c r="H266" s="9"/>
      <c r="I266" s="182"/>
      <c r="J266" s="182"/>
      <c r="K266" s="9"/>
    </row>
    <row r="267" spans="1:11" x14ac:dyDescent="0.15">
      <c r="A267" s="113"/>
      <c r="B267" s="112"/>
      <c r="C267" s="182"/>
      <c r="D267" s="9"/>
      <c r="E267" s="23"/>
      <c r="F267" s="182"/>
      <c r="G267" s="182"/>
      <c r="H267" s="9"/>
      <c r="I267" s="182"/>
      <c r="J267" s="182"/>
      <c r="K267" s="9"/>
    </row>
    <row r="268" spans="1:11" x14ac:dyDescent="0.15">
      <c r="A268" s="111">
        <v>0.875</v>
      </c>
      <c r="B268" s="112"/>
      <c r="C268" s="182"/>
      <c r="D268" s="9"/>
      <c r="E268" s="23"/>
      <c r="F268" s="182"/>
      <c r="G268" s="182"/>
      <c r="H268" s="9"/>
      <c r="I268" s="182"/>
      <c r="J268" s="182"/>
      <c r="K268" s="9"/>
    </row>
    <row r="269" spans="1:11" x14ac:dyDescent="0.15">
      <c r="A269" s="113"/>
      <c r="B269" s="112"/>
      <c r="C269" s="182"/>
      <c r="D269" s="9"/>
      <c r="E269" s="23"/>
      <c r="F269" s="182"/>
      <c r="G269" s="182"/>
      <c r="H269" s="9"/>
      <c r="I269" s="182"/>
      <c r="J269" s="182"/>
      <c r="K269" s="9"/>
    </row>
    <row r="270" spans="1:11" x14ac:dyDescent="0.15">
      <c r="A270" s="111">
        <v>0.91666666666666663</v>
      </c>
      <c r="B270" s="112"/>
      <c r="C270" s="182"/>
      <c r="D270" s="9"/>
      <c r="E270" s="23"/>
      <c r="F270" s="182"/>
      <c r="G270" s="182"/>
      <c r="H270" s="9"/>
      <c r="I270" s="182"/>
      <c r="J270" s="182"/>
      <c r="K270" s="9"/>
    </row>
    <row r="271" spans="1:11" x14ac:dyDescent="0.15">
      <c r="A271" s="113"/>
      <c r="B271" s="112"/>
      <c r="C271" s="182"/>
      <c r="D271" s="9"/>
      <c r="E271" s="23"/>
      <c r="F271" s="182"/>
      <c r="G271" s="182"/>
      <c r="H271" s="9"/>
      <c r="I271" s="182"/>
      <c r="J271" s="182"/>
      <c r="K271" s="9"/>
    </row>
    <row r="272" spans="1:11" ht="14.25" thickBot="1" x14ac:dyDescent="0.2">
      <c r="A272" s="114">
        <v>0.95833333333333337</v>
      </c>
      <c r="B272" s="115"/>
      <c r="C272" s="184"/>
      <c r="D272" s="38"/>
      <c r="E272" s="92"/>
      <c r="F272" s="184"/>
      <c r="G272" s="184"/>
      <c r="H272" s="38"/>
      <c r="I272" s="184"/>
      <c r="J272" s="184"/>
      <c r="K272" s="38"/>
    </row>
    <row r="273" spans="1:11" ht="21.75" thickBot="1" x14ac:dyDescent="0.2">
      <c r="A273" s="107" t="s">
        <v>215</v>
      </c>
      <c r="B273" s="105"/>
      <c r="C273" s="105"/>
      <c r="D273" s="105"/>
      <c r="E273" s="117"/>
      <c r="F273" s="117"/>
      <c r="G273" s="117"/>
      <c r="H273" s="117"/>
      <c r="I273" s="117"/>
      <c r="J273" s="117"/>
      <c r="K273" s="117"/>
    </row>
    <row r="274" spans="1:11" ht="15" customHeight="1" x14ac:dyDescent="0.15">
      <c r="A274" s="181" t="s">
        <v>216</v>
      </c>
      <c r="B274" s="292" t="s">
        <v>140</v>
      </c>
      <c r="C274" s="293"/>
      <c r="D274" s="293"/>
      <c r="E274" s="180" t="s">
        <v>221</v>
      </c>
      <c r="F274" s="292" t="s">
        <v>219</v>
      </c>
      <c r="G274" s="293"/>
      <c r="H274" s="293"/>
      <c r="I274" s="293" t="s">
        <v>220</v>
      </c>
      <c r="J274" s="293"/>
      <c r="K274" s="294"/>
    </row>
    <row r="275" spans="1:11" ht="15" customHeight="1" x14ac:dyDescent="0.15">
      <c r="A275" s="121"/>
      <c r="B275" s="283" t="s">
        <v>141</v>
      </c>
      <c r="C275" s="284"/>
      <c r="D275" s="284"/>
      <c r="E275" s="178"/>
      <c r="F275" s="283"/>
      <c r="G275" s="284"/>
      <c r="H275" s="284"/>
      <c r="I275" s="284"/>
      <c r="J275" s="284"/>
      <c r="K275" s="286"/>
    </row>
    <row r="276" spans="1:11" ht="14.25" x14ac:dyDescent="0.15">
      <c r="A276" s="121"/>
      <c r="B276" s="283" t="s">
        <v>66</v>
      </c>
      <c r="C276" s="284"/>
      <c r="D276" s="284"/>
      <c r="E276" s="178"/>
      <c r="F276" s="283"/>
      <c r="G276" s="284"/>
      <c r="H276" s="284"/>
      <c r="I276" s="284"/>
      <c r="J276" s="284"/>
      <c r="K276" s="286"/>
    </row>
    <row r="277" spans="1:11" ht="15" customHeight="1" x14ac:dyDescent="0.15">
      <c r="A277" s="121"/>
      <c r="B277" s="283" t="s">
        <v>142</v>
      </c>
      <c r="C277" s="284"/>
      <c r="D277" s="284"/>
      <c r="E277" s="178"/>
      <c r="F277" s="283"/>
      <c r="G277" s="284"/>
      <c r="H277" s="284"/>
      <c r="I277" s="284"/>
      <c r="J277" s="284"/>
      <c r="K277" s="286"/>
    </row>
    <row r="278" spans="1:11" ht="15" customHeight="1" x14ac:dyDescent="0.15">
      <c r="A278" s="121"/>
      <c r="B278" s="283" t="s">
        <v>143</v>
      </c>
      <c r="C278" s="284"/>
      <c r="D278" s="284"/>
      <c r="E278" s="178"/>
      <c r="F278" s="283"/>
      <c r="G278" s="284"/>
      <c r="H278" s="284"/>
      <c r="I278" s="284"/>
      <c r="J278" s="284"/>
      <c r="K278" s="286"/>
    </row>
    <row r="279" spans="1:11" ht="15" customHeight="1" x14ac:dyDescent="0.15">
      <c r="A279" s="121"/>
      <c r="B279" s="283" t="s">
        <v>144</v>
      </c>
      <c r="C279" s="284"/>
      <c r="D279" s="284"/>
      <c r="E279" s="178"/>
      <c r="F279" s="283"/>
      <c r="G279" s="284"/>
      <c r="H279" s="284"/>
      <c r="I279" s="284"/>
      <c r="J279" s="284"/>
      <c r="K279" s="286"/>
    </row>
    <row r="280" spans="1:11" ht="15" customHeight="1" x14ac:dyDescent="0.15">
      <c r="A280" s="121"/>
      <c r="B280" s="283" t="s">
        <v>145</v>
      </c>
      <c r="C280" s="284"/>
      <c r="D280" s="284"/>
      <c r="E280" s="178"/>
      <c r="F280" s="283"/>
      <c r="G280" s="284"/>
      <c r="H280" s="284"/>
      <c r="I280" s="284"/>
      <c r="J280" s="284"/>
      <c r="K280" s="286"/>
    </row>
    <row r="281" spans="1:11" ht="15" customHeight="1" x14ac:dyDescent="0.15">
      <c r="A281" s="121"/>
      <c r="B281" s="283" t="s">
        <v>146</v>
      </c>
      <c r="C281" s="284"/>
      <c r="D281" s="284"/>
      <c r="E281" s="178"/>
      <c r="F281" s="283"/>
      <c r="G281" s="284"/>
      <c r="H281" s="284"/>
      <c r="I281" s="284"/>
      <c r="J281" s="284"/>
      <c r="K281" s="286"/>
    </row>
    <row r="282" spans="1:11" ht="14.25" x14ac:dyDescent="0.15">
      <c r="A282" s="121"/>
      <c r="B282" s="283" t="s">
        <v>147</v>
      </c>
      <c r="C282" s="284"/>
      <c r="D282" s="284"/>
      <c r="E282" s="178"/>
      <c r="F282" s="283"/>
      <c r="G282" s="284"/>
      <c r="H282" s="284"/>
      <c r="I282" s="284"/>
      <c r="J282" s="284"/>
      <c r="K282" s="286"/>
    </row>
    <row r="283" spans="1:11" ht="14.25" x14ac:dyDescent="0.15">
      <c r="A283" s="121"/>
      <c r="B283" s="283" t="s">
        <v>148</v>
      </c>
      <c r="C283" s="284"/>
      <c r="D283" s="284"/>
      <c r="E283" s="178"/>
      <c r="F283" s="283"/>
      <c r="G283" s="284"/>
      <c r="H283" s="284"/>
      <c r="I283" s="284"/>
      <c r="J283" s="284"/>
      <c r="K283" s="286"/>
    </row>
    <row r="284" spans="1:11" ht="15" customHeight="1" x14ac:dyDescent="0.15">
      <c r="A284" s="121"/>
      <c r="B284" s="283" t="s">
        <v>149</v>
      </c>
      <c r="C284" s="284"/>
      <c r="D284" s="284"/>
      <c r="E284" s="178"/>
      <c r="F284" s="283"/>
      <c r="G284" s="284"/>
      <c r="H284" s="284"/>
      <c r="I284" s="284"/>
      <c r="J284" s="284"/>
      <c r="K284" s="286"/>
    </row>
    <row r="285" spans="1:11" ht="15" customHeight="1" x14ac:dyDescent="0.15">
      <c r="A285" s="121"/>
      <c r="B285" s="283" t="s">
        <v>150</v>
      </c>
      <c r="C285" s="284"/>
      <c r="D285" s="284"/>
      <c r="E285" s="178"/>
      <c r="F285" s="283"/>
      <c r="G285" s="284"/>
      <c r="H285" s="284"/>
      <c r="I285" s="284"/>
      <c r="J285" s="284"/>
      <c r="K285" s="286"/>
    </row>
    <row r="286" spans="1:11" ht="15" customHeight="1" x14ac:dyDescent="0.15">
      <c r="A286" s="121"/>
      <c r="B286" s="283" t="s">
        <v>151</v>
      </c>
      <c r="C286" s="284"/>
      <c r="D286" s="284"/>
      <c r="E286" s="178"/>
      <c r="F286" s="283"/>
      <c r="G286" s="284"/>
      <c r="H286" s="284"/>
      <c r="I286" s="284"/>
      <c r="J286" s="284"/>
      <c r="K286" s="286"/>
    </row>
    <row r="287" spans="1:11" ht="15" customHeight="1" x14ac:dyDescent="0.15">
      <c r="A287" s="121"/>
      <c r="B287" s="287" t="s">
        <v>222</v>
      </c>
      <c r="C287" s="288"/>
      <c r="D287" s="289"/>
      <c r="E287" s="178"/>
      <c r="F287" s="283"/>
      <c r="G287" s="284"/>
      <c r="H287" s="284"/>
      <c r="I287" s="284"/>
      <c r="J287" s="284"/>
      <c r="K287" s="286"/>
    </row>
    <row r="288" spans="1:11" ht="15" customHeight="1" x14ac:dyDescent="0.15">
      <c r="A288" s="121"/>
      <c r="B288" s="287" t="s">
        <v>223</v>
      </c>
      <c r="C288" s="288"/>
      <c r="D288" s="289"/>
      <c r="E288" s="178"/>
      <c r="F288" s="283"/>
      <c r="G288" s="284"/>
      <c r="H288" s="284"/>
      <c r="I288" s="284"/>
      <c r="J288" s="284"/>
      <c r="K288" s="286"/>
    </row>
    <row r="289" spans="1:11" ht="15" customHeight="1" x14ac:dyDescent="0.15">
      <c r="A289" s="121"/>
      <c r="B289" s="287" t="s">
        <v>224</v>
      </c>
      <c r="C289" s="288"/>
      <c r="D289" s="289"/>
      <c r="E289" s="178"/>
      <c r="F289" s="283"/>
      <c r="G289" s="284"/>
      <c r="H289" s="284"/>
      <c r="I289" s="284"/>
      <c r="J289" s="284"/>
      <c r="K289" s="286"/>
    </row>
    <row r="290" spans="1:11" ht="15" customHeight="1" x14ac:dyDescent="0.15">
      <c r="A290" s="121"/>
      <c r="B290" s="287" t="s">
        <v>225</v>
      </c>
      <c r="C290" s="288"/>
      <c r="D290" s="289"/>
      <c r="E290" s="178"/>
      <c r="F290" s="283"/>
      <c r="G290" s="284"/>
      <c r="H290" s="284"/>
      <c r="I290" s="284"/>
      <c r="J290" s="284"/>
      <c r="K290" s="286"/>
    </row>
    <row r="291" spans="1:11" ht="14.25" x14ac:dyDescent="0.15">
      <c r="A291" s="121"/>
      <c r="B291" s="287" t="s">
        <v>226</v>
      </c>
      <c r="C291" s="288"/>
      <c r="D291" s="289"/>
      <c r="E291" s="178"/>
      <c r="F291" s="283"/>
      <c r="G291" s="284"/>
      <c r="H291" s="284"/>
      <c r="I291" s="284"/>
      <c r="J291" s="284"/>
      <c r="K291" s="286"/>
    </row>
    <row r="292" spans="1:11" ht="15" customHeight="1" x14ac:dyDescent="0.15">
      <c r="A292" s="121"/>
      <c r="B292" s="287" t="s">
        <v>227</v>
      </c>
      <c r="C292" s="288"/>
      <c r="D292" s="289"/>
      <c r="E292" s="178"/>
      <c r="F292" s="283"/>
      <c r="G292" s="284"/>
      <c r="H292" s="284"/>
      <c r="I292" s="284"/>
      <c r="J292" s="284"/>
      <c r="K292" s="286"/>
    </row>
    <row r="293" spans="1:11" ht="15" customHeight="1" x14ac:dyDescent="0.15">
      <c r="A293" s="121"/>
      <c r="B293" s="287" t="s">
        <v>228</v>
      </c>
      <c r="C293" s="288"/>
      <c r="D293" s="289"/>
      <c r="E293" s="178"/>
      <c r="F293" s="283"/>
      <c r="G293" s="284"/>
      <c r="H293" s="284"/>
      <c r="I293" s="284"/>
      <c r="J293" s="284"/>
      <c r="K293" s="286"/>
    </row>
    <row r="294" spans="1:11" ht="15" customHeight="1" x14ac:dyDescent="0.15">
      <c r="A294" s="121"/>
      <c r="B294" s="287" t="s">
        <v>230</v>
      </c>
      <c r="C294" s="288"/>
      <c r="D294" s="289"/>
      <c r="E294" s="178"/>
      <c r="F294" s="283"/>
      <c r="G294" s="284"/>
      <c r="H294" s="284"/>
      <c r="I294" s="284"/>
      <c r="J294" s="284"/>
      <c r="K294" s="286"/>
    </row>
    <row r="295" spans="1:11" ht="15" customHeight="1" x14ac:dyDescent="0.15">
      <c r="A295" s="121"/>
      <c r="B295" s="283" t="s">
        <v>229</v>
      </c>
      <c r="C295" s="284"/>
      <c r="D295" s="284"/>
      <c r="E295" s="178"/>
      <c r="F295" s="283"/>
      <c r="G295" s="284"/>
      <c r="H295" s="284"/>
      <c r="I295" s="284"/>
      <c r="J295" s="284"/>
      <c r="K295" s="286"/>
    </row>
    <row r="296" spans="1:11" ht="14.25" x14ac:dyDescent="0.15">
      <c r="A296" s="121"/>
      <c r="B296" s="283"/>
      <c r="C296" s="284"/>
      <c r="D296" s="284"/>
      <c r="E296" s="178"/>
      <c r="F296" s="283"/>
      <c r="G296" s="284"/>
      <c r="H296" s="284"/>
      <c r="I296" s="284"/>
      <c r="J296" s="284"/>
      <c r="K296" s="286"/>
    </row>
    <row r="297" spans="1:11" ht="14.25" x14ac:dyDescent="0.15">
      <c r="A297" s="121"/>
      <c r="B297" s="283"/>
      <c r="C297" s="284"/>
      <c r="D297" s="284"/>
      <c r="E297" s="178"/>
      <c r="F297" s="283"/>
      <c r="G297" s="284"/>
      <c r="H297" s="284"/>
      <c r="I297" s="284"/>
      <c r="J297" s="284"/>
      <c r="K297" s="286"/>
    </row>
    <row r="298" spans="1:11" ht="14.25" x14ac:dyDescent="0.15">
      <c r="A298" s="121"/>
      <c r="B298" s="283"/>
      <c r="C298" s="284"/>
      <c r="D298" s="284"/>
      <c r="E298" s="178"/>
      <c r="F298" s="283"/>
      <c r="G298" s="284"/>
      <c r="H298" s="284"/>
      <c r="I298" s="284"/>
      <c r="J298" s="284"/>
      <c r="K298" s="286"/>
    </row>
    <row r="299" spans="1:11" ht="14.25" x14ac:dyDescent="0.15">
      <c r="A299" s="121"/>
      <c r="B299" s="283"/>
      <c r="C299" s="284"/>
      <c r="D299" s="284"/>
      <c r="E299" s="178"/>
      <c r="F299" s="283"/>
      <c r="G299" s="284"/>
      <c r="H299" s="284"/>
      <c r="I299" s="284"/>
      <c r="J299" s="284"/>
      <c r="K299" s="286"/>
    </row>
    <row r="300" spans="1:11" ht="14.25" x14ac:dyDescent="0.15">
      <c r="A300" s="121"/>
      <c r="B300" s="283"/>
      <c r="C300" s="284"/>
      <c r="D300" s="284"/>
      <c r="E300" s="178"/>
      <c r="F300" s="283"/>
      <c r="G300" s="284"/>
      <c r="H300" s="284"/>
      <c r="I300" s="284"/>
      <c r="J300" s="284"/>
      <c r="K300" s="286"/>
    </row>
    <row r="301" spans="1:11" ht="15" thickBot="1" x14ac:dyDescent="0.2">
      <c r="A301" s="122"/>
      <c r="B301" s="290"/>
      <c r="C301" s="291"/>
      <c r="D301" s="291"/>
      <c r="E301" s="179"/>
      <c r="F301" s="290"/>
      <c r="G301" s="291"/>
      <c r="H301" s="291"/>
      <c r="I301" s="291"/>
      <c r="J301" s="291"/>
      <c r="K301" s="320"/>
    </row>
    <row r="302" spans="1:11" ht="15" thickBot="1" x14ac:dyDescent="0.2">
      <c r="A302" s="127" t="s">
        <v>231</v>
      </c>
      <c r="B302" s="118"/>
      <c r="C302" s="126"/>
      <c r="D302" s="126"/>
      <c r="E302" s="126"/>
      <c r="F302" s="118"/>
      <c r="G302" s="126"/>
      <c r="H302" s="126"/>
      <c r="I302" s="126"/>
      <c r="J302" s="126"/>
      <c r="K302" s="126"/>
    </row>
    <row r="303" spans="1:11" ht="14.25" x14ac:dyDescent="0.15">
      <c r="A303" s="127"/>
      <c r="B303" s="128" t="s">
        <v>242</v>
      </c>
      <c r="C303" s="129"/>
      <c r="D303" s="129"/>
      <c r="E303" s="129"/>
      <c r="F303" s="130"/>
      <c r="G303" s="129"/>
      <c r="H303" s="129"/>
      <c r="I303" s="129"/>
      <c r="J303" s="131"/>
      <c r="K303" s="126"/>
    </row>
    <row r="304" spans="1:11" ht="14.25" x14ac:dyDescent="0.15">
      <c r="A304" s="127"/>
      <c r="B304" s="132"/>
      <c r="C304" s="1"/>
      <c r="D304" s="1"/>
      <c r="E304" s="1"/>
      <c r="F304" s="127"/>
      <c r="G304" s="1"/>
      <c r="H304" s="1"/>
      <c r="I304" s="1"/>
      <c r="J304" s="193"/>
      <c r="K304" s="126"/>
    </row>
    <row r="305" spans="1:11" ht="14.25" x14ac:dyDescent="0.15">
      <c r="A305" s="127"/>
      <c r="B305" s="132"/>
      <c r="C305" s="1"/>
      <c r="D305" s="1"/>
      <c r="E305" s="1"/>
      <c r="F305" s="127"/>
      <c r="G305" s="1"/>
      <c r="H305" s="1"/>
      <c r="I305" s="1"/>
      <c r="J305" s="193"/>
      <c r="K305" s="126"/>
    </row>
    <row r="306" spans="1:11" ht="14.25" x14ac:dyDescent="0.15">
      <c r="A306" s="119"/>
      <c r="B306" s="132" t="s">
        <v>243</v>
      </c>
      <c r="C306" s="1"/>
      <c r="D306" s="1"/>
      <c r="E306" s="1"/>
      <c r="F306" s="127"/>
      <c r="G306" s="1"/>
      <c r="H306" s="1"/>
      <c r="I306" s="1"/>
      <c r="J306" s="193"/>
      <c r="K306" s="126"/>
    </row>
    <row r="307" spans="1:11" ht="14.25" x14ac:dyDescent="0.15">
      <c r="A307" s="119"/>
      <c r="B307" s="132"/>
      <c r="C307" s="1"/>
      <c r="D307" s="1"/>
      <c r="E307" s="1"/>
      <c r="F307" s="127"/>
      <c r="G307" s="1"/>
      <c r="H307" s="1"/>
      <c r="I307" s="1"/>
      <c r="J307" s="193"/>
      <c r="K307" s="126"/>
    </row>
    <row r="308" spans="1:11" ht="15" thickBot="1" x14ac:dyDescent="0.2">
      <c r="A308" s="119"/>
      <c r="B308" s="134"/>
      <c r="C308" s="87"/>
      <c r="D308" s="87"/>
      <c r="E308" s="87"/>
      <c r="F308" s="135"/>
      <c r="G308" s="87"/>
      <c r="H308" s="87"/>
      <c r="I308" s="87"/>
      <c r="J308" s="89"/>
      <c r="K308" s="126"/>
    </row>
    <row r="309" spans="1:11" ht="21" x14ac:dyDescent="0.15">
      <c r="A309" s="136" t="s">
        <v>152</v>
      </c>
      <c r="B309" s="105"/>
      <c r="C309" s="105"/>
      <c r="D309" s="105"/>
      <c r="E309" s="117"/>
      <c r="F309" s="117"/>
      <c r="G309" s="117"/>
      <c r="H309" s="117"/>
      <c r="I309" s="117"/>
      <c r="J309" s="117"/>
      <c r="K309" s="117"/>
    </row>
    <row r="310" spans="1:11" ht="14.25" x14ac:dyDescent="0.15">
      <c r="A310" s="138" t="s">
        <v>153</v>
      </c>
      <c r="B310" s="105"/>
      <c r="C310" s="105"/>
      <c r="D310" s="105"/>
      <c r="E310" s="117"/>
      <c r="F310" s="117"/>
      <c r="G310" s="117"/>
      <c r="H310" s="173" t="s">
        <v>280</v>
      </c>
      <c r="I310" s="173"/>
      <c r="J310" s="117"/>
      <c r="K310" s="117"/>
    </row>
    <row r="311" spans="1:11" ht="14.25" x14ac:dyDescent="0.15">
      <c r="A311" s="138" t="s">
        <v>154</v>
      </c>
      <c r="B311" s="105"/>
      <c r="C311" s="105"/>
      <c r="D311" s="105"/>
      <c r="E311" s="117"/>
      <c r="F311" s="117"/>
      <c r="G311" s="117"/>
      <c r="H311" s="117"/>
      <c r="I311" s="117"/>
      <c r="J311" s="117"/>
      <c r="K311" s="117"/>
    </row>
    <row r="312" spans="1:11" ht="14.25" x14ac:dyDescent="0.15">
      <c r="A312" s="138"/>
      <c r="B312" s="105"/>
      <c r="C312" s="105"/>
      <c r="D312" s="105"/>
      <c r="E312" s="117"/>
      <c r="F312" s="117"/>
      <c r="G312" s="117"/>
      <c r="H312" s="117"/>
      <c r="I312" s="117"/>
      <c r="J312" s="117"/>
      <c r="K312" s="117"/>
    </row>
    <row r="313" spans="1:11" ht="14.25" x14ac:dyDescent="0.15">
      <c r="A313" s="138"/>
      <c r="B313" s="105"/>
      <c r="C313" s="105"/>
      <c r="D313" s="105"/>
      <c r="E313" s="117"/>
      <c r="F313" s="117"/>
      <c r="G313" s="117"/>
      <c r="H313" s="117"/>
      <c r="I313" s="117"/>
      <c r="J313" s="117"/>
      <c r="K313" s="117"/>
    </row>
    <row r="314" spans="1:11" ht="14.25" x14ac:dyDescent="0.15">
      <c r="A314" s="138"/>
      <c r="B314" s="105"/>
      <c r="C314" s="105"/>
      <c r="D314" s="105"/>
      <c r="E314" s="117"/>
      <c r="F314" s="117"/>
      <c r="G314" s="117"/>
      <c r="H314" s="117"/>
      <c r="I314" s="117"/>
      <c r="J314" s="117"/>
      <c r="K314" s="117"/>
    </row>
    <row r="315" spans="1:11" ht="14.25" x14ac:dyDescent="0.15">
      <c r="A315" s="138" t="s">
        <v>155</v>
      </c>
      <c r="B315" s="105"/>
      <c r="C315" s="105"/>
      <c r="D315" s="105"/>
      <c r="E315" s="117"/>
      <c r="F315" s="117"/>
      <c r="G315" s="117"/>
      <c r="H315" s="117"/>
      <c r="I315" s="117"/>
      <c r="J315" s="117"/>
      <c r="K315" s="117"/>
    </row>
    <row r="316" spans="1:11" ht="14.25" x14ac:dyDescent="0.15">
      <c r="A316" s="138"/>
      <c r="B316" s="105"/>
      <c r="C316" s="105"/>
      <c r="D316" s="105"/>
      <c r="E316" s="117"/>
      <c r="F316" s="117"/>
      <c r="G316" s="117"/>
      <c r="H316" s="117"/>
      <c r="I316" s="117"/>
      <c r="J316" s="117"/>
      <c r="K316" s="117"/>
    </row>
    <row r="317" spans="1:11" ht="14.25" x14ac:dyDescent="0.15">
      <c r="A317" s="138"/>
      <c r="B317" s="105"/>
      <c r="C317" s="105"/>
      <c r="D317" s="105"/>
      <c r="E317" s="117"/>
      <c r="F317" s="117"/>
      <c r="G317" s="117"/>
      <c r="H317" s="117"/>
      <c r="I317" s="117"/>
      <c r="J317" s="117"/>
      <c r="K317" s="117"/>
    </row>
    <row r="318" spans="1:11" ht="14.25" x14ac:dyDescent="0.15">
      <c r="A318" s="138"/>
      <c r="B318" s="105"/>
      <c r="C318" s="105"/>
      <c r="D318" s="105"/>
      <c r="E318" s="117"/>
      <c r="F318" s="117"/>
      <c r="G318" s="117"/>
      <c r="H318" s="117"/>
      <c r="I318" s="117"/>
      <c r="J318" s="117"/>
      <c r="K318" s="117"/>
    </row>
    <row r="319" spans="1:11" ht="14.25" x14ac:dyDescent="0.15">
      <c r="A319" s="138" t="s">
        <v>156</v>
      </c>
      <c r="B319" s="105"/>
      <c r="C319" s="105"/>
      <c r="D319" s="105"/>
      <c r="E319" s="117"/>
      <c r="F319" s="117"/>
      <c r="G319" s="117"/>
      <c r="H319" s="117"/>
      <c r="I319" s="117"/>
      <c r="J319" s="117"/>
      <c r="K319" s="117"/>
    </row>
    <row r="320" spans="1:11" ht="14.25" x14ac:dyDescent="0.15">
      <c r="A320" s="138"/>
      <c r="B320" s="105"/>
      <c r="C320" s="105"/>
      <c r="D320" s="105"/>
      <c r="E320" s="117"/>
      <c r="F320" s="117"/>
      <c r="G320" s="117"/>
      <c r="H320" s="117"/>
      <c r="I320" s="117"/>
      <c r="J320" s="117"/>
      <c r="K320" s="117"/>
    </row>
    <row r="321" spans="1:11" ht="14.25" x14ac:dyDescent="0.15">
      <c r="A321" s="138"/>
      <c r="B321" s="105"/>
      <c r="C321" s="105"/>
      <c r="D321" s="105"/>
      <c r="E321" s="117"/>
      <c r="F321" s="117"/>
      <c r="G321" s="117"/>
      <c r="H321" s="117"/>
      <c r="I321" s="117"/>
      <c r="J321" s="117"/>
      <c r="K321" s="117"/>
    </row>
    <row r="322" spans="1:11" ht="14.25" x14ac:dyDescent="0.15">
      <c r="A322" s="138"/>
      <c r="B322" s="105"/>
      <c r="C322" s="105"/>
      <c r="D322" s="105"/>
      <c r="E322" s="117"/>
      <c r="F322" s="117"/>
      <c r="G322" s="117"/>
      <c r="H322" s="117"/>
      <c r="I322" s="117"/>
      <c r="J322" s="117"/>
      <c r="K322" s="117"/>
    </row>
    <row r="323" spans="1:11" ht="14.25" x14ac:dyDescent="0.15">
      <c r="A323" s="138" t="s">
        <v>157</v>
      </c>
      <c r="B323" s="105"/>
      <c r="C323" s="105"/>
      <c r="D323" s="105"/>
      <c r="E323" s="117"/>
      <c r="F323" s="117"/>
      <c r="G323" s="117"/>
      <c r="H323" s="117"/>
      <c r="I323" s="117"/>
      <c r="J323" s="117"/>
      <c r="K323" s="117"/>
    </row>
    <row r="324" spans="1:11" ht="14.25" x14ac:dyDescent="0.15">
      <c r="A324" s="138"/>
      <c r="B324" s="105"/>
      <c r="C324" s="105"/>
      <c r="D324" s="105"/>
      <c r="E324" s="117"/>
      <c r="F324" s="117"/>
      <c r="G324" s="117"/>
      <c r="H324" s="117"/>
      <c r="I324" s="117"/>
      <c r="J324" s="117"/>
      <c r="K324" s="117"/>
    </row>
    <row r="325" spans="1:11" ht="14.25" x14ac:dyDescent="0.15">
      <c r="A325" s="138"/>
      <c r="B325" s="105"/>
      <c r="C325" s="105"/>
      <c r="D325" s="105"/>
      <c r="E325" s="117"/>
      <c r="F325" s="117"/>
      <c r="G325" s="117"/>
      <c r="H325" s="117"/>
      <c r="I325" s="117"/>
      <c r="J325" s="117"/>
      <c r="K325" s="117"/>
    </row>
    <row r="326" spans="1:11" ht="14.25" x14ac:dyDescent="0.15">
      <c r="A326" s="138"/>
      <c r="B326" s="105"/>
      <c r="C326" s="105"/>
      <c r="D326" s="105"/>
      <c r="E326" s="117"/>
      <c r="F326" s="117"/>
      <c r="G326" s="117"/>
      <c r="H326" s="117"/>
      <c r="I326" s="117"/>
      <c r="J326" s="117"/>
      <c r="K326" s="117"/>
    </row>
    <row r="327" spans="1:11" ht="14.25" x14ac:dyDescent="0.15">
      <c r="A327" s="138" t="s">
        <v>158</v>
      </c>
      <c r="B327" s="105"/>
      <c r="C327" s="105"/>
      <c r="D327" s="105"/>
      <c r="E327" s="117"/>
      <c r="F327" s="117"/>
      <c r="G327" s="117"/>
      <c r="H327" s="117"/>
      <c r="I327" s="117"/>
      <c r="J327" s="117"/>
      <c r="K327" s="117"/>
    </row>
    <row r="328" spans="1:11" ht="14.25" x14ac:dyDescent="0.15">
      <c r="A328" s="138"/>
      <c r="B328" s="105"/>
      <c r="C328" s="105"/>
      <c r="D328" s="105"/>
      <c r="E328" s="117"/>
      <c r="F328" s="117"/>
      <c r="G328" s="117"/>
      <c r="H328" s="117"/>
      <c r="I328" s="117"/>
      <c r="J328" s="117"/>
      <c r="K328" s="117"/>
    </row>
    <row r="329" spans="1:11" ht="14.25" x14ac:dyDescent="0.15">
      <c r="A329" s="138"/>
      <c r="B329" s="105"/>
      <c r="C329" s="105"/>
      <c r="D329" s="105"/>
      <c r="E329" s="117"/>
      <c r="F329" s="117"/>
      <c r="G329" s="117"/>
      <c r="H329" s="117"/>
      <c r="I329" s="117"/>
      <c r="J329" s="117"/>
      <c r="K329" s="117"/>
    </row>
    <row r="330" spans="1:11" ht="14.25" x14ac:dyDescent="0.15">
      <c r="A330" s="138"/>
      <c r="B330" s="105"/>
      <c r="C330" s="105"/>
      <c r="D330" s="105"/>
      <c r="E330" s="117"/>
      <c r="F330" s="117"/>
      <c r="G330" s="117"/>
      <c r="H330" s="117"/>
      <c r="I330" s="117"/>
      <c r="J330" s="117"/>
      <c r="K330" s="117"/>
    </row>
    <row r="331" spans="1:11" ht="14.25" x14ac:dyDescent="0.15">
      <c r="A331" s="138" t="s">
        <v>159</v>
      </c>
      <c r="B331" s="105"/>
      <c r="C331" s="105"/>
      <c r="D331" s="105"/>
      <c r="E331" s="117"/>
      <c r="F331" s="117"/>
      <c r="G331" s="117"/>
      <c r="H331" s="117"/>
      <c r="I331" s="117"/>
      <c r="J331" s="117"/>
      <c r="K331" s="117"/>
    </row>
    <row r="332" spans="1:11" ht="14.25" x14ac:dyDescent="0.15">
      <c r="A332" s="138"/>
      <c r="B332" s="105"/>
      <c r="C332" s="105"/>
      <c r="D332" s="105"/>
      <c r="E332" s="117"/>
      <c r="F332" s="117"/>
      <c r="G332" s="117"/>
      <c r="H332" s="117"/>
      <c r="I332" s="117"/>
      <c r="J332" s="117"/>
      <c r="K332" s="117"/>
    </row>
    <row r="333" spans="1:11" ht="14.25" x14ac:dyDescent="0.15">
      <c r="A333" s="138"/>
      <c r="B333" s="105"/>
      <c r="C333" s="105"/>
      <c r="D333" s="105"/>
      <c r="E333" s="117"/>
      <c r="F333" s="117"/>
      <c r="G333" s="117"/>
      <c r="H333" s="117"/>
      <c r="I333" s="117"/>
      <c r="J333" s="117"/>
      <c r="K333" s="117"/>
    </row>
    <row r="334" spans="1:11" ht="14.25" x14ac:dyDescent="0.15">
      <c r="A334" s="138"/>
      <c r="B334" s="105"/>
      <c r="C334" s="105"/>
      <c r="D334" s="105"/>
      <c r="E334" s="117"/>
      <c r="F334" s="117"/>
      <c r="G334" s="117"/>
      <c r="H334" s="117"/>
      <c r="I334" s="117"/>
      <c r="J334" s="117"/>
      <c r="K334" s="117"/>
    </row>
    <row r="335" spans="1:11" ht="14.25" x14ac:dyDescent="0.15">
      <c r="A335" s="138"/>
      <c r="B335" s="105"/>
      <c r="C335" s="105"/>
      <c r="D335" s="105"/>
      <c r="E335" s="117"/>
      <c r="F335" s="117"/>
      <c r="G335" s="117"/>
      <c r="H335" s="117"/>
      <c r="I335" s="117"/>
      <c r="J335" s="117"/>
      <c r="K335" s="117"/>
    </row>
    <row r="336" spans="1:11" ht="14.25" x14ac:dyDescent="0.15">
      <c r="A336" s="138"/>
      <c r="B336" s="105"/>
      <c r="C336" s="105"/>
      <c r="D336" s="105"/>
      <c r="E336" s="117"/>
      <c r="F336" s="117"/>
      <c r="G336" s="117"/>
      <c r="H336" s="117"/>
      <c r="I336" s="117"/>
      <c r="J336" s="117"/>
      <c r="K336" s="117"/>
    </row>
    <row r="337" spans="1:11" ht="14.25" x14ac:dyDescent="0.15">
      <c r="A337" s="138"/>
      <c r="B337" s="105"/>
      <c r="C337" s="105"/>
      <c r="D337" s="105"/>
      <c r="E337" s="117"/>
      <c r="F337" s="117"/>
      <c r="G337" s="117"/>
      <c r="H337" s="117"/>
      <c r="I337" s="117"/>
      <c r="J337" s="117"/>
      <c r="K337" s="117"/>
    </row>
    <row r="338" spans="1:11" ht="14.25" x14ac:dyDescent="0.15">
      <c r="A338" s="138"/>
      <c r="B338" s="105"/>
      <c r="C338" s="105"/>
      <c r="D338" s="105"/>
      <c r="E338" s="117"/>
      <c r="F338" s="117"/>
      <c r="G338" s="117"/>
      <c r="H338" s="117"/>
      <c r="I338" s="117"/>
      <c r="J338" s="117"/>
      <c r="K338" s="117"/>
    </row>
    <row r="339" spans="1:11" ht="14.25" x14ac:dyDescent="0.15">
      <c r="A339" s="138"/>
      <c r="B339" s="105"/>
      <c r="C339" s="105"/>
      <c r="D339" s="105"/>
      <c r="E339" s="117"/>
      <c r="F339" s="117"/>
      <c r="G339" s="117"/>
      <c r="H339" s="117"/>
      <c r="I339" s="117"/>
      <c r="J339" s="117"/>
      <c r="K339" s="117"/>
    </row>
    <row r="340" spans="1:11" ht="14.25" x14ac:dyDescent="0.15">
      <c r="A340" s="138"/>
      <c r="B340" s="105"/>
      <c r="C340" s="105"/>
      <c r="D340" s="105"/>
      <c r="E340" s="117"/>
      <c r="F340" s="117"/>
      <c r="G340" s="117"/>
      <c r="H340" s="117"/>
      <c r="I340" s="117"/>
      <c r="J340" s="117"/>
      <c r="K340" s="117"/>
    </row>
    <row r="341" spans="1:11" ht="21" x14ac:dyDescent="0.15">
      <c r="A341" s="136" t="s">
        <v>160</v>
      </c>
      <c r="B341" s="105"/>
      <c r="C341" s="105"/>
      <c r="D341" s="105"/>
      <c r="E341" s="117"/>
      <c r="F341" s="117"/>
      <c r="G341" s="117"/>
      <c r="H341" s="117"/>
      <c r="I341" s="117"/>
      <c r="J341" s="117"/>
      <c r="K341" s="117"/>
    </row>
    <row r="342" spans="1:11" ht="21" x14ac:dyDescent="0.15">
      <c r="A342" s="139"/>
      <c r="B342" s="105"/>
      <c r="C342" s="105"/>
      <c r="D342" s="105"/>
      <c r="E342" s="117"/>
      <c r="F342" s="117"/>
      <c r="G342" s="117"/>
      <c r="H342" s="117"/>
      <c r="I342" s="117"/>
      <c r="J342" s="117"/>
      <c r="K342" s="117"/>
    </row>
    <row r="343" spans="1:11" ht="14.25" x14ac:dyDescent="0.15">
      <c r="A343" s="138" t="s">
        <v>161</v>
      </c>
      <c r="B343" s="105"/>
      <c r="C343" s="105"/>
      <c r="D343" s="105"/>
      <c r="E343" s="117"/>
      <c r="F343" s="117"/>
      <c r="G343" s="117"/>
      <c r="H343" s="117"/>
      <c r="I343" s="117"/>
      <c r="J343" s="117"/>
      <c r="K343" s="117"/>
    </row>
    <row r="344" spans="1:11" ht="14.25" x14ac:dyDescent="0.15">
      <c r="A344" s="138"/>
      <c r="B344" s="105"/>
      <c r="C344" s="105"/>
      <c r="D344" s="105"/>
      <c r="E344" s="117"/>
      <c r="F344" s="117"/>
      <c r="G344" s="117"/>
      <c r="H344" s="117"/>
      <c r="I344" s="117"/>
      <c r="J344" s="117"/>
      <c r="K344" s="117"/>
    </row>
    <row r="345" spans="1:11" ht="14.25" x14ac:dyDescent="0.15">
      <c r="A345" s="138"/>
      <c r="B345" s="105"/>
      <c r="C345" s="105"/>
      <c r="D345" s="105"/>
      <c r="E345" s="117"/>
      <c r="F345" s="117"/>
      <c r="G345" s="117"/>
      <c r="H345" s="117"/>
      <c r="I345" s="117"/>
      <c r="J345" s="117"/>
      <c r="K345" s="117"/>
    </row>
    <row r="346" spans="1:11" ht="14.25" x14ac:dyDescent="0.15">
      <c r="A346" s="138"/>
      <c r="B346" s="105"/>
      <c r="C346" s="105"/>
      <c r="D346" s="105"/>
      <c r="E346" s="117"/>
      <c r="F346" s="117"/>
      <c r="G346" s="117"/>
      <c r="H346" s="117"/>
      <c r="I346" s="117"/>
      <c r="J346" s="117"/>
      <c r="K346" s="117"/>
    </row>
    <row r="347" spans="1:11" ht="14.25" x14ac:dyDescent="0.15">
      <c r="A347" s="138"/>
      <c r="B347" s="105"/>
      <c r="C347" s="105"/>
      <c r="D347" s="105"/>
      <c r="E347" s="117"/>
      <c r="F347" s="117"/>
      <c r="G347" s="117"/>
      <c r="H347" s="117"/>
      <c r="I347" s="117"/>
      <c r="J347" s="117"/>
      <c r="K347" s="117"/>
    </row>
    <row r="348" spans="1:11" ht="14.25" x14ac:dyDescent="0.15">
      <c r="A348" s="138"/>
      <c r="B348" s="105"/>
      <c r="C348" s="105"/>
      <c r="D348" s="105"/>
      <c r="E348" s="117"/>
      <c r="F348" s="117"/>
      <c r="G348" s="117"/>
      <c r="H348" s="117"/>
      <c r="I348" s="117"/>
      <c r="J348" s="117"/>
      <c r="K348" s="117"/>
    </row>
    <row r="349" spans="1:11" ht="14.25" x14ac:dyDescent="0.15">
      <c r="A349" s="140"/>
      <c r="B349" s="105"/>
      <c r="C349" s="105"/>
      <c r="D349" s="105"/>
      <c r="E349" s="117"/>
      <c r="F349" s="117"/>
      <c r="G349" s="117"/>
      <c r="H349" s="117"/>
      <c r="I349" s="117"/>
      <c r="J349" s="117"/>
      <c r="K349" s="117"/>
    </row>
    <row r="350" spans="1:11" ht="14.25" x14ac:dyDescent="0.15">
      <c r="A350" s="138" t="s">
        <v>162</v>
      </c>
      <c r="B350" s="105"/>
      <c r="C350" s="105"/>
      <c r="D350" s="105"/>
      <c r="E350" s="117"/>
      <c r="F350" s="117"/>
      <c r="G350" s="117"/>
      <c r="H350" s="117"/>
      <c r="I350" s="117"/>
      <c r="J350" s="117"/>
      <c r="K350" s="117"/>
    </row>
    <row r="351" spans="1:11" ht="14.25" x14ac:dyDescent="0.15">
      <c r="A351" s="138"/>
      <c r="B351" s="105"/>
      <c r="C351" s="105"/>
      <c r="D351" s="105"/>
      <c r="E351" s="117"/>
      <c r="F351" s="117"/>
      <c r="G351" s="117"/>
      <c r="H351" s="117"/>
      <c r="I351" s="117"/>
      <c r="J351" s="117"/>
      <c r="K351" s="117"/>
    </row>
    <row r="352" spans="1:11" ht="14.25" x14ac:dyDescent="0.15">
      <c r="A352" s="138"/>
      <c r="B352" s="105"/>
      <c r="C352" s="105"/>
      <c r="D352" s="105"/>
      <c r="E352" s="117"/>
      <c r="F352" s="117"/>
      <c r="G352" s="117"/>
      <c r="H352" s="117"/>
      <c r="I352" s="117"/>
      <c r="J352" s="117"/>
      <c r="K352" s="117"/>
    </row>
    <row r="353" spans="1:11" ht="15" thickBot="1" x14ac:dyDescent="0.2">
      <c r="A353" s="138"/>
      <c r="B353" s="105"/>
      <c r="C353" s="105"/>
      <c r="D353" s="105"/>
      <c r="E353" s="117"/>
      <c r="F353" s="117"/>
      <c r="G353" s="117"/>
      <c r="H353" s="117"/>
      <c r="I353" s="117"/>
      <c r="J353" s="117"/>
      <c r="K353" s="117"/>
    </row>
    <row r="354" spans="1:11" ht="14.25" x14ac:dyDescent="0.15">
      <c r="A354" s="138"/>
      <c r="B354" s="128" t="s">
        <v>275</v>
      </c>
      <c r="C354" s="141"/>
      <c r="D354" s="141"/>
      <c r="E354" s="141"/>
      <c r="F354" s="160"/>
      <c r="G354" s="160"/>
      <c r="H354" s="160"/>
      <c r="I354" s="32"/>
      <c r="J354" s="117"/>
      <c r="K354" s="117"/>
    </row>
    <row r="355" spans="1:11" ht="14.25" x14ac:dyDescent="0.15">
      <c r="A355" s="138"/>
      <c r="B355" s="132" t="s">
        <v>276</v>
      </c>
      <c r="C355" s="142"/>
      <c r="D355" s="142"/>
      <c r="E355" s="142"/>
      <c r="F355" s="182"/>
      <c r="G355" s="182"/>
      <c r="H355" s="182"/>
      <c r="I355" s="9"/>
      <c r="J355" s="117"/>
      <c r="K355" s="117"/>
    </row>
    <row r="356" spans="1:11" ht="14.25" x14ac:dyDescent="0.15">
      <c r="A356" s="190"/>
      <c r="B356" s="132" t="s">
        <v>277</v>
      </c>
      <c r="C356" s="142"/>
      <c r="D356" s="142"/>
      <c r="E356" s="142"/>
      <c r="F356" s="182"/>
      <c r="G356" s="182"/>
      <c r="H356" s="182"/>
      <c r="I356" s="9"/>
      <c r="J356" s="117"/>
      <c r="K356" s="117"/>
    </row>
    <row r="357" spans="1:11" ht="14.25" x14ac:dyDescent="0.15">
      <c r="A357" s="190"/>
      <c r="B357" s="132" t="s">
        <v>163</v>
      </c>
      <c r="C357" s="142"/>
      <c r="D357" s="142"/>
      <c r="E357" s="142"/>
      <c r="F357" s="182"/>
      <c r="G357" s="182"/>
      <c r="H357" s="182"/>
      <c r="I357" s="9"/>
      <c r="J357" s="117"/>
      <c r="K357" s="117"/>
    </row>
    <row r="358" spans="1:11" ht="15" thickBot="1" x14ac:dyDescent="0.2">
      <c r="A358" s="190"/>
      <c r="B358" s="134" t="s">
        <v>164</v>
      </c>
      <c r="C358" s="143"/>
      <c r="D358" s="143"/>
      <c r="E358" s="143"/>
      <c r="F358" s="184"/>
      <c r="G358" s="184"/>
      <c r="H358" s="184"/>
      <c r="I358" s="38"/>
      <c r="J358" s="117"/>
      <c r="K358" s="117"/>
    </row>
    <row r="359" spans="1:11" ht="14.25" x14ac:dyDescent="0.15">
      <c r="A359" s="138"/>
      <c r="B359" s="105"/>
      <c r="C359" s="105"/>
      <c r="D359" s="105"/>
      <c r="E359" s="117"/>
      <c r="F359" s="117"/>
      <c r="G359" s="117"/>
      <c r="H359" s="117"/>
      <c r="I359" s="117"/>
      <c r="J359" s="117"/>
      <c r="K359" s="117"/>
    </row>
    <row r="360" spans="1:11" ht="14.25" x14ac:dyDescent="0.15">
      <c r="A360" s="138" t="s">
        <v>165</v>
      </c>
      <c r="B360" s="105"/>
      <c r="C360" s="105"/>
      <c r="D360" s="105"/>
      <c r="E360" s="117"/>
      <c r="F360" s="117"/>
      <c r="G360" s="117"/>
      <c r="H360" s="117"/>
      <c r="I360" s="117"/>
      <c r="J360" s="117"/>
      <c r="K360" s="117"/>
    </row>
    <row r="361" spans="1:11" ht="14.25" x14ac:dyDescent="0.15">
      <c r="A361" s="65"/>
      <c r="E361" s="190"/>
      <c r="F361" s="190"/>
      <c r="G361" s="190"/>
      <c r="H361" s="190"/>
      <c r="I361" s="190"/>
      <c r="J361" s="190"/>
      <c r="K361" s="190"/>
    </row>
    <row r="362" spans="1:11" ht="14.25" x14ac:dyDescent="0.15">
      <c r="A362" s="65"/>
      <c r="E362" s="190"/>
      <c r="F362" s="190"/>
      <c r="G362" s="190"/>
      <c r="H362" s="190"/>
      <c r="I362" s="190"/>
      <c r="J362" s="190"/>
      <c r="K362" s="190"/>
    </row>
    <row r="363" spans="1:11" ht="14.25" x14ac:dyDescent="0.15">
      <c r="A363" s="65"/>
      <c r="E363" s="190"/>
      <c r="F363" s="190"/>
      <c r="G363" s="190"/>
      <c r="H363" s="190"/>
      <c r="I363" s="190"/>
      <c r="J363" s="190"/>
      <c r="K363" s="190"/>
    </row>
    <row r="364" spans="1:11" ht="14.25" x14ac:dyDescent="0.15">
      <c r="A364" s="65"/>
      <c r="E364" s="190"/>
      <c r="F364" s="190"/>
      <c r="G364" s="190"/>
      <c r="H364" s="190"/>
      <c r="I364" s="190"/>
      <c r="J364" s="190"/>
      <c r="K364" s="190"/>
    </row>
    <row r="365" spans="1:11" ht="14.25" x14ac:dyDescent="0.15">
      <c r="A365" s="65"/>
      <c r="E365" s="190"/>
      <c r="F365" s="190"/>
      <c r="G365" s="190"/>
      <c r="H365" s="190"/>
      <c r="I365" s="190"/>
      <c r="J365" s="190"/>
      <c r="K365" s="190"/>
    </row>
    <row r="366" spans="1:11" ht="14.25" x14ac:dyDescent="0.15">
      <c r="A366" s="65"/>
      <c r="E366" s="190"/>
      <c r="F366" s="190"/>
      <c r="G366" s="190"/>
      <c r="H366" s="190"/>
      <c r="I366" s="190"/>
      <c r="J366" s="190"/>
      <c r="K366" s="190"/>
    </row>
    <row r="367" spans="1:11" ht="14.25" x14ac:dyDescent="0.15">
      <c r="A367" s="65"/>
      <c r="E367" s="190"/>
      <c r="F367" s="190"/>
      <c r="G367" s="190"/>
      <c r="H367" s="190"/>
      <c r="I367" s="190"/>
      <c r="J367" s="190"/>
      <c r="K367" s="190"/>
    </row>
    <row r="368" spans="1:11" ht="21" x14ac:dyDescent="0.15">
      <c r="A368" s="136" t="s">
        <v>166</v>
      </c>
      <c r="B368" s="105"/>
      <c r="C368" s="105"/>
      <c r="D368" s="105"/>
      <c r="E368" s="117"/>
      <c r="F368" s="117"/>
      <c r="G368" s="117"/>
      <c r="H368" s="190"/>
      <c r="I368" s="190"/>
      <c r="J368" s="190"/>
      <c r="K368" s="190"/>
    </row>
    <row r="369" spans="1:11" ht="15" thickBot="1" x14ac:dyDescent="0.2">
      <c r="A369" s="137"/>
      <c r="B369" s="105"/>
      <c r="C369" s="105"/>
      <c r="D369" s="105"/>
      <c r="E369" s="117"/>
      <c r="F369" s="117"/>
      <c r="G369" s="117"/>
      <c r="H369" s="190"/>
      <c r="I369" s="190"/>
      <c r="J369" s="190"/>
      <c r="K369" s="190"/>
    </row>
    <row r="370" spans="1:11" ht="15" customHeight="1" x14ac:dyDescent="0.15">
      <c r="A370" s="322"/>
      <c r="B370" s="293"/>
      <c r="C370" s="323" t="s">
        <v>167</v>
      </c>
      <c r="D370" s="324"/>
      <c r="E370" s="324"/>
      <c r="F370" s="324"/>
      <c r="G370" s="292" t="s">
        <v>168</v>
      </c>
      <c r="H370" s="293"/>
      <c r="I370" s="292" t="s">
        <v>83</v>
      </c>
      <c r="J370" s="325"/>
      <c r="K370" s="326"/>
    </row>
    <row r="371" spans="1:11" ht="15" customHeight="1" x14ac:dyDescent="0.15">
      <c r="A371" s="224" t="s">
        <v>169</v>
      </c>
      <c r="B371" s="223"/>
      <c r="C371" s="222"/>
      <c r="D371" s="223"/>
      <c r="E371" s="223"/>
      <c r="F371" s="223"/>
      <c r="G371" s="283"/>
      <c r="H371" s="284"/>
      <c r="I371" s="219" t="s">
        <v>180</v>
      </c>
      <c r="J371" s="219"/>
      <c r="K371" s="221"/>
    </row>
    <row r="372" spans="1:11" ht="15" customHeight="1" x14ac:dyDescent="0.15">
      <c r="A372" s="224" t="s">
        <v>169</v>
      </c>
      <c r="B372" s="223"/>
      <c r="C372" s="222"/>
      <c r="D372" s="223"/>
      <c r="E372" s="223"/>
      <c r="F372" s="223"/>
      <c r="G372" s="283"/>
      <c r="H372" s="284"/>
      <c r="I372" s="219" t="s">
        <v>180</v>
      </c>
      <c r="J372" s="219"/>
      <c r="K372" s="221"/>
    </row>
    <row r="373" spans="1:11" ht="15" customHeight="1" x14ac:dyDescent="0.15">
      <c r="A373" s="224" t="s">
        <v>169</v>
      </c>
      <c r="B373" s="223"/>
      <c r="C373" s="222"/>
      <c r="D373" s="223"/>
      <c r="E373" s="223"/>
      <c r="F373" s="223"/>
      <c r="G373" s="283"/>
      <c r="H373" s="284"/>
      <c r="I373" s="219" t="s">
        <v>180</v>
      </c>
      <c r="J373" s="219"/>
      <c r="K373" s="221"/>
    </row>
    <row r="374" spans="1:11" ht="14.25" x14ac:dyDescent="0.15">
      <c r="A374" s="224" t="s">
        <v>170</v>
      </c>
      <c r="B374" s="223"/>
      <c r="C374" s="222"/>
      <c r="D374" s="223"/>
      <c r="E374" s="223"/>
      <c r="F374" s="223"/>
      <c r="G374" s="283"/>
      <c r="H374" s="284"/>
      <c r="I374" s="219" t="s">
        <v>180</v>
      </c>
      <c r="J374" s="219"/>
      <c r="K374" s="221"/>
    </row>
    <row r="375" spans="1:11" ht="15" customHeight="1" x14ac:dyDescent="0.15">
      <c r="A375" s="224" t="s">
        <v>171</v>
      </c>
      <c r="B375" s="223"/>
      <c r="C375" s="222"/>
      <c r="D375" s="223"/>
      <c r="E375" s="223"/>
      <c r="F375" s="223"/>
      <c r="G375" s="283"/>
      <c r="H375" s="284"/>
      <c r="I375" s="219" t="s">
        <v>180</v>
      </c>
      <c r="J375" s="219"/>
      <c r="K375" s="221"/>
    </row>
    <row r="376" spans="1:11" ht="15" customHeight="1" x14ac:dyDescent="0.15">
      <c r="A376" s="224" t="s">
        <v>172</v>
      </c>
      <c r="B376" s="223"/>
      <c r="C376" s="222"/>
      <c r="D376" s="223"/>
      <c r="E376" s="223"/>
      <c r="F376" s="223"/>
      <c r="G376" s="283"/>
      <c r="H376" s="284"/>
      <c r="I376" s="219" t="s">
        <v>180</v>
      </c>
      <c r="J376" s="219"/>
      <c r="K376" s="221"/>
    </row>
    <row r="377" spans="1:11" ht="15" customHeight="1" x14ac:dyDescent="0.15">
      <c r="A377" s="224" t="s">
        <v>172</v>
      </c>
      <c r="B377" s="223"/>
      <c r="C377" s="222"/>
      <c r="D377" s="223"/>
      <c r="E377" s="223"/>
      <c r="F377" s="223"/>
      <c r="G377" s="283"/>
      <c r="H377" s="284"/>
      <c r="I377" s="219" t="s">
        <v>180</v>
      </c>
      <c r="J377" s="219"/>
      <c r="K377" s="221"/>
    </row>
    <row r="378" spans="1:11" ht="15" customHeight="1" x14ac:dyDescent="0.15">
      <c r="A378" s="295" t="s">
        <v>233</v>
      </c>
      <c r="B378" s="296"/>
      <c r="C378" s="222"/>
      <c r="D378" s="223"/>
      <c r="E378" s="223"/>
      <c r="F378" s="223"/>
      <c r="G378" s="283"/>
      <c r="H378" s="284"/>
      <c r="I378" s="219" t="s">
        <v>180</v>
      </c>
      <c r="J378" s="219"/>
      <c r="K378" s="221"/>
    </row>
    <row r="379" spans="1:11" ht="15" customHeight="1" x14ac:dyDescent="0.15">
      <c r="A379" s="295" t="s">
        <v>233</v>
      </c>
      <c r="B379" s="296"/>
      <c r="C379" s="222"/>
      <c r="D379" s="223"/>
      <c r="E379" s="223"/>
      <c r="F379" s="223"/>
      <c r="G379" s="283"/>
      <c r="H379" s="284"/>
      <c r="I379" s="219" t="s">
        <v>180</v>
      </c>
      <c r="J379" s="219"/>
      <c r="K379" s="221"/>
    </row>
    <row r="380" spans="1:11" ht="15" customHeight="1" x14ac:dyDescent="0.15">
      <c r="A380" s="295" t="s">
        <v>233</v>
      </c>
      <c r="B380" s="296"/>
      <c r="C380" s="222"/>
      <c r="D380" s="223"/>
      <c r="E380" s="223"/>
      <c r="F380" s="223"/>
      <c r="G380" s="283"/>
      <c r="H380" s="284"/>
      <c r="I380" s="219" t="s">
        <v>180</v>
      </c>
      <c r="J380" s="219"/>
      <c r="K380" s="221"/>
    </row>
    <row r="381" spans="1:11" ht="15" customHeight="1" x14ac:dyDescent="0.15">
      <c r="A381" s="224" t="s">
        <v>173</v>
      </c>
      <c r="B381" s="223"/>
      <c r="C381" s="222"/>
      <c r="D381" s="223"/>
      <c r="E381" s="223"/>
      <c r="F381" s="223"/>
      <c r="G381" s="283"/>
      <c r="H381" s="284"/>
      <c r="I381" s="219" t="s">
        <v>180</v>
      </c>
      <c r="J381" s="219"/>
      <c r="K381" s="221"/>
    </row>
    <row r="382" spans="1:11" ht="15" customHeight="1" x14ac:dyDescent="0.15">
      <c r="A382" s="224" t="s">
        <v>173</v>
      </c>
      <c r="B382" s="223"/>
      <c r="C382" s="222"/>
      <c r="D382" s="223"/>
      <c r="E382" s="223"/>
      <c r="F382" s="223"/>
      <c r="G382" s="283"/>
      <c r="H382" s="284"/>
      <c r="I382" s="219" t="s">
        <v>180</v>
      </c>
      <c r="J382" s="219"/>
      <c r="K382" s="221"/>
    </row>
    <row r="383" spans="1:11" ht="15" customHeight="1" x14ac:dyDescent="0.15">
      <c r="A383" s="224" t="s">
        <v>174</v>
      </c>
      <c r="B383" s="223"/>
      <c r="C383" s="222"/>
      <c r="D383" s="223"/>
      <c r="E383" s="223"/>
      <c r="F383" s="223"/>
      <c r="G383" s="283"/>
      <c r="H383" s="284"/>
      <c r="I383" s="219" t="s">
        <v>180</v>
      </c>
      <c r="J383" s="219"/>
      <c r="K383" s="221"/>
    </row>
    <row r="384" spans="1:11" ht="15" customHeight="1" x14ac:dyDescent="0.15">
      <c r="A384" s="224" t="s">
        <v>174</v>
      </c>
      <c r="B384" s="223"/>
      <c r="C384" s="222"/>
      <c r="D384" s="223"/>
      <c r="E384" s="223"/>
      <c r="F384" s="223"/>
      <c r="G384" s="283"/>
      <c r="H384" s="284"/>
      <c r="I384" s="219" t="s">
        <v>180</v>
      </c>
      <c r="J384" s="219"/>
      <c r="K384" s="221"/>
    </row>
    <row r="385" spans="1:11" ht="14.25" x14ac:dyDescent="0.15">
      <c r="A385" s="224"/>
      <c r="B385" s="223"/>
      <c r="C385" s="222"/>
      <c r="D385" s="223"/>
      <c r="E385" s="223"/>
      <c r="F385" s="223"/>
      <c r="G385" s="283"/>
      <c r="H385" s="284"/>
      <c r="I385" s="219" t="s">
        <v>180</v>
      </c>
      <c r="J385" s="219"/>
      <c r="K385" s="221"/>
    </row>
    <row r="386" spans="1:11" ht="14.25" x14ac:dyDescent="0.15">
      <c r="A386" s="224"/>
      <c r="B386" s="223"/>
      <c r="C386" s="222"/>
      <c r="D386" s="223"/>
      <c r="E386" s="223"/>
      <c r="F386" s="223"/>
      <c r="G386" s="283"/>
      <c r="H386" s="284"/>
      <c r="I386" s="219" t="s">
        <v>180</v>
      </c>
      <c r="J386" s="219"/>
      <c r="K386" s="221"/>
    </row>
    <row r="387" spans="1:11" ht="14.25" x14ac:dyDescent="0.15">
      <c r="A387" s="224"/>
      <c r="B387" s="223"/>
      <c r="C387" s="222"/>
      <c r="D387" s="223"/>
      <c r="E387" s="223"/>
      <c r="F387" s="223"/>
      <c r="G387" s="283"/>
      <c r="H387" s="284"/>
      <c r="I387" s="219" t="s">
        <v>180</v>
      </c>
      <c r="J387" s="219"/>
      <c r="K387" s="221"/>
    </row>
    <row r="388" spans="1:11" ht="15" thickBot="1" x14ac:dyDescent="0.2">
      <c r="A388" s="305"/>
      <c r="B388" s="304"/>
      <c r="C388" s="303"/>
      <c r="D388" s="304"/>
      <c r="E388" s="304"/>
      <c r="F388" s="304"/>
      <c r="G388" s="290"/>
      <c r="H388" s="291"/>
      <c r="I388" s="317" t="s">
        <v>180</v>
      </c>
      <c r="J388" s="318"/>
      <c r="K388" s="319"/>
    </row>
    <row r="389" spans="1:11" ht="14.25" x14ac:dyDescent="0.15">
      <c r="A389" s="99"/>
      <c r="E389" s="190"/>
      <c r="F389" s="190"/>
      <c r="G389" s="190"/>
      <c r="H389" s="190"/>
      <c r="I389" s="190"/>
      <c r="J389" s="190"/>
      <c r="K389" s="190"/>
    </row>
    <row r="390" spans="1:11" ht="14.25" x14ac:dyDescent="0.15">
      <c r="A390" s="99"/>
      <c r="E390" s="190"/>
      <c r="F390" s="190"/>
      <c r="G390" s="190"/>
      <c r="H390" s="190"/>
      <c r="I390" s="190"/>
      <c r="J390" s="190"/>
      <c r="K390" s="190"/>
    </row>
    <row r="391" spans="1:11" ht="14.25" x14ac:dyDescent="0.15">
      <c r="A391" s="99"/>
      <c r="E391" s="190"/>
      <c r="F391" s="190"/>
      <c r="G391" s="190"/>
      <c r="H391" s="190"/>
      <c r="I391" s="190"/>
      <c r="J391" s="190"/>
      <c r="K391" s="190"/>
    </row>
    <row r="392" spans="1:11" ht="14.25" x14ac:dyDescent="0.15">
      <c r="A392" s="99"/>
      <c r="E392" s="190"/>
      <c r="F392" s="190"/>
      <c r="G392" s="190"/>
      <c r="H392" s="190"/>
      <c r="I392" s="190"/>
      <c r="J392" s="190"/>
      <c r="K392" s="190"/>
    </row>
    <row r="393" spans="1:11" ht="14.25" x14ac:dyDescent="0.15">
      <c r="A393" s="99"/>
      <c r="E393" s="190"/>
      <c r="F393" s="190"/>
      <c r="G393" s="190"/>
      <c r="H393" s="190"/>
      <c r="I393" s="190"/>
      <c r="J393" s="190"/>
      <c r="K393" s="190"/>
    </row>
    <row r="394" spans="1:11" ht="14.25" x14ac:dyDescent="0.15">
      <c r="A394" s="99"/>
      <c r="E394" s="190"/>
      <c r="F394" s="190"/>
      <c r="G394" s="190"/>
      <c r="H394" s="190"/>
      <c r="I394" s="190"/>
      <c r="J394" s="190"/>
      <c r="K394" s="190"/>
    </row>
    <row r="395" spans="1:11" ht="14.25" x14ac:dyDescent="0.15">
      <c r="A395" s="99"/>
      <c r="E395" s="190"/>
      <c r="F395" s="190"/>
      <c r="G395" s="190"/>
      <c r="H395" s="190"/>
      <c r="I395" s="190"/>
      <c r="J395" s="190"/>
      <c r="K395" s="190"/>
    </row>
    <row r="396" spans="1:11" ht="14.25" x14ac:dyDescent="0.15">
      <c r="A396" s="99"/>
      <c r="E396" s="190"/>
      <c r="F396" s="190"/>
      <c r="G396" s="190"/>
      <c r="H396" s="190"/>
      <c r="I396" s="190"/>
      <c r="J396" s="190"/>
      <c r="K396" s="190"/>
    </row>
    <row r="397" spans="1:11" ht="14.25" x14ac:dyDescent="0.15">
      <c r="A397" s="99"/>
      <c r="E397" s="190"/>
      <c r="F397" s="190"/>
      <c r="G397" s="190"/>
      <c r="H397" s="190"/>
      <c r="I397" s="190"/>
      <c r="J397" s="190"/>
      <c r="K397" s="190"/>
    </row>
    <row r="398" spans="1:11" ht="14.25" x14ac:dyDescent="0.15">
      <c r="A398" s="99"/>
      <c r="E398" s="190"/>
      <c r="F398" s="190"/>
      <c r="G398" s="190"/>
      <c r="H398" s="190"/>
      <c r="I398" s="190"/>
      <c r="J398" s="190"/>
      <c r="K398" s="190"/>
    </row>
    <row r="399" spans="1:11" ht="14.25" x14ac:dyDescent="0.15">
      <c r="A399" s="99"/>
      <c r="E399" s="190"/>
      <c r="F399" s="190"/>
      <c r="G399" s="190"/>
      <c r="H399" s="190"/>
      <c r="I399" s="190"/>
      <c r="J399" s="190"/>
      <c r="K399" s="190"/>
    </row>
    <row r="400" spans="1:11" ht="14.25" x14ac:dyDescent="0.15">
      <c r="A400" s="99"/>
      <c r="E400" s="190"/>
      <c r="F400" s="190"/>
      <c r="G400" s="190"/>
      <c r="H400" s="190"/>
      <c r="I400" s="190"/>
      <c r="J400" s="190"/>
      <c r="K400" s="190"/>
    </row>
    <row r="401" spans="1:11" ht="14.25" x14ac:dyDescent="0.15">
      <c r="A401" s="99"/>
      <c r="E401" s="190"/>
      <c r="F401" s="190"/>
      <c r="G401" s="190"/>
      <c r="H401" s="190"/>
      <c r="I401" s="190"/>
      <c r="J401" s="190"/>
      <c r="K401" s="190"/>
    </row>
    <row r="402" spans="1:11" ht="14.25" x14ac:dyDescent="0.15">
      <c r="A402" s="99"/>
      <c r="E402" s="190"/>
      <c r="F402" s="190"/>
      <c r="G402" s="190"/>
      <c r="H402" s="190"/>
      <c r="I402" s="190"/>
      <c r="J402" s="190"/>
      <c r="K402" s="190"/>
    </row>
    <row r="403" spans="1:11" ht="14.25" x14ac:dyDescent="0.15">
      <c r="A403" s="99"/>
      <c r="E403" s="190"/>
      <c r="F403" s="190"/>
      <c r="G403" s="190"/>
      <c r="H403" s="190"/>
      <c r="I403" s="190"/>
      <c r="J403" s="190"/>
      <c r="K403" s="190"/>
    </row>
    <row r="404" spans="1:11" ht="31.35" customHeight="1" x14ac:dyDescent="0.15">
      <c r="A404" s="313" t="s">
        <v>175</v>
      </c>
      <c r="B404" s="314"/>
      <c r="C404" s="314"/>
      <c r="D404" s="314"/>
      <c r="E404" s="314"/>
      <c r="F404" s="314"/>
      <c r="G404" s="314"/>
      <c r="H404" s="314"/>
      <c r="I404" s="314"/>
      <c r="J404" s="314"/>
      <c r="K404" s="314"/>
    </row>
    <row r="405" spans="1:11" ht="14.25" x14ac:dyDescent="0.15">
      <c r="A405" s="137"/>
      <c r="B405" s="105"/>
      <c r="C405" s="105"/>
      <c r="D405" s="105"/>
      <c r="E405" s="117"/>
      <c r="F405" s="117"/>
      <c r="G405" s="117"/>
      <c r="H405" s="117"/>
      <c r="I405" s="117"/>
      <c r="J405" s="117"/>
      <c r="K405" s="117"/>
    </row>
    <row r="406" spans="1:11" ht="14.25" x14ac:dyDescent="0.15">
      <c r="A406" s="138" t="s">
        <v>176</v>
      </c>
      <c r="B406" s="105"/>
      <c r="C406" s="105"/>
      <c r="D406" s="105"/>
      <c r="E406" s="117"/>
      <c r="F406" s="117"/>
      <c r="G406" s="117"/>
      <c r="H406" s="117"/>
      <c r="I406" s="117"/>
      <c r="J406" s="117"/>
      <c r="K406" s="117"/>
    </row>
    <row r="407" spans="1:11" ht="14.25" x14ac:dyDescent="0.15">
      <c r="A407" s="138"/>
      <c r="B407" s="105"/>
      <c r="C407" s="105"/>
      <c r="D407" s="105"/>
      <c r="E407" s="117"/>
      <c r="F407" s="117"/>
      <c r="G407" s="117"/>
      <c r="H407" s="117"/>
      <c r="I407" s="117"/>
      <c r="J407" s="117"/>
      <c r="K407" s="117"/>
    </row>
    <row r="408" spans="1:11" ht="14.25" x14ac:dyDescent="0.15">
      <c r="A408" s="138"/>
      <c r="B408" s="105"/>
      <c r="C408" s="105"/>
      <c r="D408" s="105"/>
      <c r="E408" s="117"/>
      <c r="F408" s="117"/>
      <c r="G408" s="117"/>
      <c r="H408" s="117"/>
      <c r="I408" s="117"/>
      <c r="J408" s="117"/>
      <c r="K408" s="117"/>
    </row>
    <row r="409" spans="1:11" ht="14.25" x14ac:dyDescent="0.15">
      <c r="A409" s="138"/>
      <c r="B409" s="105"/>
      <c r="C409" s="105"/>
      <c r="D409" s="105"/>
      <c r="E409" s="117"/>
      <c r="F409" s="117"/>
      <c r="G409" s="117"/>
      <c r="H409" s="117"/>
      <c r="I409" s="117"/>
      <c r="J409" s="117"/>
      <c r="K409" s="117"/>
    </row>
    <row r="410" spans="1:11" ht="14.25" x14ac:dyDescent="0.15">
      <c r="A410" s="138"/>
      <c r="B410" s="105"/>
      <c r="C410" s="105"/>
      <c r="D410" s="105"/>
      <c r="E410" s="117"/>
      <c r="F410" s="117"/>
      <c r="G410" s="117"/>
      <c r="H410" s="117"/>
      <c r="I410" s="117"/>
      <c r="J410" s="117"/>
      <c r="K410" s="117"/>
    </row>
    <row r="411" spans="1:11" ht="14.25" x14ac:dyDescent="0.15">
      <c r="A411" s="138"/>
      <c r="B411" s="105"/>
      <c r="C411" s="105"/>
      <c r="D411" s="105"/>
      <c r="E411" s="117"/>
      <c r="F411" s="117"/>
      <c r="G411" s="117"/>
      <c r="H411" s="117"/>
      <c r="I411" s="117"/>
      <c r="J411" s="117"/>
      <c r="K411" s="117"/>
    </row>
    <row r="412" spans="1:11" ht="14.25" x14ac:dyDescent="0.15">
      <c r="A412" s="138"/>
      <c r="B412" s="105"/>
      <c r="C412" s="105"/>
      <c r="D412" s="105"/>
      <c r="E412" s="117"/>
      <c r="F412" s="117"/>
      <c r="G412" s="117"/>
      <c r="H412" s="117"/>
      <c r="I412" s="117"/>
      <c r="J412" s="117"/>
      <c r="K412" s="117"/>
    </row>
    <row r="413" spans="1:11" ht="14.25" x14ac:dyDescent="0.15">
      <c r="A413" s="138" t="s">
        <v>177</v>
      </c>
      <c r="B413" s="105"/>
      <c r="C413" s="105"/>
      <c r="D413" s="105"/>
      <c r="E413" s="117"/>
      <c r="F413" s="117"/>
      <c r="G413" s="117"/>
      <c r="H413" s="117"/>
      <c r="I413" s="117"/>
      <c r="J413" s="117"/>
      <c r="K413" s="117"/>
    </row>
    <row r="414" spans="1:11" x14ac:dyDescent="0.15">
      <c r="A414" s="144"/>
      <c r="B414" s="105" t="s">
        <v>234</v>
      </c>
      <c r="C414" s="105"/>
      <c r="D414" s="105"/>
      <c r="E414" s="117"/>
      <c r="F414" s="117"/>
      <c r="G414" s="117"/>
      <c r="H414" s="117"/>
      <c r="I414" s="117"/>
      <c r="J414" s="117"/>
      <c r="K414" s="117"/>
    </row>
    <row r="415" spans="1:11" ht="14.25" x14ac:dyDescent="0.15">
      <c r="A415" s="138"/>
      <c r="B415" s="105" t="s">
        <v>235</v>
      </c>
      <c r="C415" s="105"/>
      <c r="D415" s="105"/>
      <c r="E415" s="117"/>
      <c r="F415" s="117"/>
      <c r="G415" s="117"/>
      <c r="H415" s="117"/>
      <c r="I415" s="117"/>
      <c r="J415" s="117"/>
      <c r="K415" s="117"/>
    </row>
    <row r="416" spans="1:11" ht="14.25" x14ac:dyDescent="0.15">
      <c r="A416" s="138"/>
      <c r="B416" s="105" t="s">
        <v>236</v>
      </c>
      <c r="C416" s="105"/>
      <c r="D416" s="105"/>
      <c r="E416" s="117"/>
      <c r="F416" s="117"/>
      <c r="G416" s="117"/>
      <c r="H416" s="117"/>
      <c r="I416" s="117"/>
      <c r="J416" s="117"/>
      <c r="K416" s="117"/>
    </row>
    <row r="417" spans="1:11" ht="14.25" x14ac:dyDescent="0.15">
      <c r="A417" s="138"/>
      <c r="B417" s="105" t="s">
        <v>237</v>
      </c>
      <c r="C417" s="105"/>
      <c r="D417" s="105"/>
      <c r="E417" s="117"/>
      <c r="F417" s="117"/>
      <c r="G417" s="117"/>
      <c r="H417" s="117"/>
      <c r="I417" s="117"/>
      <c r="J417" s="117"/>
      <c r="K417" s="117"/>
    </row>
    <row r="418" spans="1:11" ht="14.25" x14ac:dyDescent="0.15">
      <c r="A418" s="138"/>
      <c r="B418" s="105"/>
      <c r="C418" s="105" t="s">
        <v>238</v>
      </c>
      <c r="D418" s="105"/>
      <c r="E418" s="117"/>
      <c r="F418" s="117"/>
      <c r="G418" s="117"/>
      <c r="H418" s="117"/>
      <c r="I418" s="117"/>
      <c r="J418" s="117"/>
      <c r="K418" s="117"/>
    </row>
    <row r="419" spans="1:11" ht="14.25" x14ac:dyDescent="0.15">
      <c r="A419" s="138"/>
      <c r="B419" s="105"/>
      <c r="C419" s="105" t="s">
        <v>232</v>
      </c>
      <c r="D419" s="105"/>
      <c r="E419" s="117"/>
      <c r="F419" s="117"/>
      <c r="G419" s="117"/>
      <c r="H419" s="117"/>
      <c r="I419" s="117"/>
      <c r="J419" s="117"/>
      <c r="K419" s="117"/>
    </row>
    <row r="420" spans="1:11" ht="14.25" x14ac:dyDescent="0.15">
      <c r="A420" s="138"/>
      <c r="B420" s="105"/>
      <c r="C420" s="105" t="s">
        <v>239</v>
      </c>
      <c r="D420" s="105"/>
      <c r="E420" s="117"/>
      <c r="F420" s="117"/>
      <c r="G420" s="117"/>
      <c r="H420" s="117"/>
      <c r="I420" s="117"/>
      <c r="J420" s="117"/>
      <c r="K420" s="117"/>
    </row>
    <row r="421" spans="1:11" ht="14.25" x14ac:dyDescent="0.15">
      <c r="A421" s="138"/>
      <c r="B421" s="105"/>
      <c r="C421" s="105"/>
      <c r="D421" s="105"/>
      <c r="E421" s="117"/>
      <c r="F421" s="117"/>
      <c r="G421" s="117"/>
      <c r="H421" s="117"/>
      <c r="I421" s="117"/>
      <c r="J421" s="117"/>
      <c r="K421" s="117"/>
    </row>
    <row r="422" spans="1:11" ht="14.25" x14ac:dyDescent="0.15">
      <c r="A422" s="138"/>
      <c r="B422" s="105"/>
      <c r="C422" s="105"/>
      <c r="D422" s="105"/>
      <c r="E422" s="117"/>
      <c r="F422" s="117"/>
      <c r="G422" s="117"/>
      <c r="H422" s="117"/>
      <c r="I422" s="117"/>
      <c r="J422" s="117"/>
      <c r="K422" s="117"/>
    </row>
    <row r="423" spans="1:11" ht="14.25" x14ac:dyDescent="0.15">
      <c r="A423" s="138"/>
      <c r="B423" s="105"/>
      <c r="C423" s="105"/>
      <c r="D423" s="105"/>
      <c r="E423" s="117"/>
      <c r="F423" s="117"/>
      <c r="G423" s="117"/>
      <c r="H423" s="117"/>
      <c r="I423" s="117"/>
      <c r="J423" s="117"/>
      <c r="K423" s="117"/>
    </row>
    <row r="424" spans="1:11" ht="14.25" x14ac:dyDescent="0.15">
      <c r="A424" s="138"/>
      <c r="B424" s="105"/>
      <c r="C424" s="105"/>
      <c r="D424" s="105"/>
      <c r="E424" s="117"/>
      <c r="F424" s="117"/>
      <c r="G424" s="117"/>
      <c r="H424" s="117"/>
      <c r="I424" s="117"/>
      <c r="J424" s="117"/>
      <c r="K424" s="117"/>
    </row>
    <row r="425" spans="1:11" ht="14.25" x14ac:dyDescent="0.15">
      <c r="A425" s="138" t="s">
        <v>178</v>
      </c>
      <c r="B425" s="105"/>
      <c r="C425" s="105"/>
      <c r="D425" s="105"/>
      <c r="E425" s="117"/>
      <c r="F425" s="117"/>
      <c r="G425" s="117"/>
      <c r="H425" s="117"/>
      <c r="I425" s="117"/>
      <c r="J425" s="117"/>
      <c r="K425" s="117"/>
    </row>
    <row r="426" spans="1:11" ht="14.25" x14ac:dyDescent="0.15">
      <c r="A426" s="138" t="s">
        <v>179</v>
      </c>
      <c r="B426" s="105"/>
      <c r="C426" s="105"/>
      <c r="D426" s="105"/>
      <c r="E426" s="117"/>
      <c r="F426" s="117"/>
      <c r="G426" s="117"/>
      <c r="H426" s="117"/>
      <c r="I426" s="117"/>
      <c r="J426" s="117"/>
      <c r="K426" s="117"/>
    </row>
    <row r="427" spans="1:11" ht="14.25" x14ac:dyDescent="0.15">
      <c r="A427" s="65"/>
      <c r="E427" s="190"/>
      <c r="F427" s="190"/>
      <c r="G427" s="190"/>
      <c r="H427" s="190"/>
      <c r="I427" s="190"/>
      <c r="J427" s="190"/>
      <c r="K427" s="190"/>
    </row>
    <row r="428" spans="1:11" ht="14.25" x14ac:dyDescent="0.15">
      <c r="A428" s="65"/>
      <c r="E428" s="190"/>
      <c r="F428" s="190"/>
      <c r="G428" s="190"/>
      <c r="H428" s="190"/>
      <c r="I428" s="190"/>
      <c r="J428" s="190"/>
      <c r="K428" s="190"/>
    </row>
    <row r="429" spans="1:11" ht="14.25" x14ac:dyDescent="0.15">
      <c r="A429" s="65"/>
      <c r="E429" s="190"/>
      <c r="F429" s="190"/>
      <c r="G429" s="190"/>
      <c r="H429" s="190"/>
      <c r="I429" s="190"/>
      <c r="J429" s="190"/>
      <c r="K429" s="190"/>
    </row>
    <row r="430" spans="1:11" x14ac:dyDescent="0.15">
      <c r="A430" s="192"/>
      <c r="E430" s="190"/>
      <c r="F430" s="190"/>
      <c r="G430" s="190"/>
      <c r="H430" s="190"/>
      <c r="I430" s="190"/>
      <c r="J430" s="190"/>
      <c r="K430" s="190"/>
    </row>
    <row r="431" spans="1:11" ht="14.25" x14ac:dyDescent="0.15">
      <c r="A431" s="65"/>
      <c r="E431" s="190"/>
      <c r="F431" s="190"/>
      <c r="G431" s="190"/>
      <c r="H431" s="190"/>
      <c r="I431" s="190"/>
      <c r="J431" s="190"/>
      <c r="K431" s="190"/>
    </row>
    <row r="432" spans="1:11" x14ac:dyDescent="0.15">
      <c r="A432" s="190"/>
      <c r="B432" s="190"/>
      <c r="C432" s="190"/>
      <c r="D432" s="190"/>
      <c r="E432" s="190"/>
      <c r="F432" s="190"/>
      <c r="G432" s="190"/>
      <c r="H432" s="190"/>
      <c r="I432" s="190"/>
      <c r="J432" s="190"/>
      <c r="K432" s="190"/>
    </row>
    <row r="433" spans="1:11" x14ac:dyDescent="0.15">
      <c r="A433" s="190"/>
      <c r="B433" s="190"/>
      <c r="C433" s="190"/>
      <c r="D433" s="190"/>
      <c r="E433" s="190"/>
      <c r="F433" s="190"/>
      <c r="G433" s="190"/>
      <c r="H433" s="190"/>
      <c r="I433" s="190"/>
      <c r="J433" s="190"/>
      <c r="K433" s="190"/>
    </row>
    <row r="434" spans="1:11" x14ac:dyDescent="0.15">
      <c r="A434" s="190"/>
      <c r="B434" s="190"/>
      <c r="C434" s="190"/>
      <c r="D434" s="190"/>
      <c r="E434" s="190"/>
      <c r="F434" s="190"/>
      <c r="G434" s="190"/>
      <c r="H434" s="190"/>
      <c r="I434" s="190"/>
      <c r="J434" s="190"/>
      <c r="K434" s="190"/>
    </row>
    <row r="435" spans="1:11" x14ac:dyDescent="0.15">
      <c r="A435" s="190"/>
      <c r="B435" s="190"/>
      <c r="C435" s="190"/>
      <c r="D435" s="190"/>
      <c r="E435" s="190"/>
      <c r="F435" s="190"/>
      <c r="G435" s="190"/>
      <c r="H435" s="190"/>
      <c r="I435" s="190"/>
      <c r="J435" s="190"/>
      <c r="K435" s="190"/>
    </row>
    <row r="436" spans="1:11" x14ac:dyDescent="0.15">
      <c r="A436" s="190"/>
      <c r="B436" s="190"/>
      <c r="C436" s="190"/>
      <c r="D436" s="190"/>
      <c r="E436" s="190"/>
      <c r="F436" s="190"/>
      <c r="G436" s="190"/>
      <c r="H436" s="190"/>
      <c r="I436" s="190"/>
      <c r="J436" s="190"/>
      <c r="K436" s="190"/>
    </row>
    <row r="437" spans="1:11" x14ac:dyDescent="0.15">
      <c r="A437" s="190"/>
      <c r="B437" s="190"/>
      <c r="C437" s="190"/>
      <c r="D437" s="190"/>
      <c r="E437" s="190"/>
      <c r="F437" s="190"/>
      <c r="G437" s="190"/>
      <c r="H437" s="190"/>
      <c r="I437" s="190"/>
      <c r="J437" s="190"/>
      <c r="K437" s="190"/>
    </row>
    <row r="438" spans="1:11" x14ac:dyDescent="0.15">
      <c r="A438" s="190"/>
      <c r="B438" s="190"/>
      <c r="C438" s="190"/>
      <c r="D438" s="190"/>
      <c r="E438" s="190"/>
      <c r="F438" s="190"/>
      <c r="G438" s="190"/>
      <c r="H438" s="190"/>
      <c r="I438" s="190"/>
      <c r="J438" s="190"/>
      <c r="K438" s="190"/>
    </row>
    <row r="439" spans="1:11" x14ac:dyDescent="0.15">
      <c r="A439" s="190"/>
      <c r="B439" s="190"/>
      <c r="C439" s="190"/>
      <c r="D439" s="190"/>
      <c r="E439" s="190"/>
      <c r="F439" s="190"/>
      <c r="G439" s="190"/>
      <c r="H439" s="190"/>
      <c r="I439" s="190"/>
      <c r="J439" s="190"/>
      <c r="K439" s="190"/>
    </row>
    <row r="440" spans="1:11" x14ac:dyDescent="0.15">
      <c r="A440" s="190"/>
      <c r="B440" s="190"/>
      <c r="C440" s="190"/>
      <c r="D440" s="190"/>
      <c r="E440" s="190"/>
      <c r="F440" s="190"/>
      <c r="G440" s="190"/>
      <c r="H440" s="190"/>
      <c r="I440" s="190"/>
      <c r="J440" s="190"/>
      <c r="K440" s="190"/>
    </row>
    <row r="441" spans="1:11" x14ac:dyDescent="0.15">
      <c r="A441" s="190"/>
      <c r="B441" s="190"/>
      <c r="C441" s="190"/>
      <c r="D441" s="190"/>
      <c r="E441" s="190"/>
      <c r="F441" s="190"/>
      <c r="G441" s="190"/>
      <c r="H441" s="190"/>
      <c r="I441" s="190"/>
      <c r="J441" s="190"/>
      <c r="K441" s="190"/>
    </row>
    <row r="442" spans="1:11" x14ac:dyDescent="0.15">
      <c r="A442" s="190"/>
      <c r="B442" s="190"/>
      <c r="C442" s="190"/>
      <c r="D442" s="190"/>
      <c r="E442" s="190"/>
      <c r="F442" s="190"/>
      <c r="G442" s="190"/>
      <c r="H442" s="190"/>
      <c r="I442" s="190"/>
      <c r="J442" s="190"/>
      <c r="K442" s="190"/>
    </row>
    <row r="443" spans="1:11" x14ac:dyDescent="0.15">
      <c r="A443" s="190"/>
      <c r="B443" s="190"/>
      <c r="C443" s="190"/>
      <c r="D443" s="190"/>
      <c r="E443" s="190"/>
      <c r="F443" s="190"/>
      <c r="G443" s="190"/>
      <c r="H443" s="190"/>
      <c r="I443" s="190"/>
      <c r="J443" s="190"/>
      <c r="K443" s="190"/>
    </row>
    <row r="444" spans="1:11" x14ac:dyDescent="0.15">
      <c r="A444" s="190"/>
      <c r="B444" s="190"/>
      <c r="C444" s="190"/>
      <c r="D444" s="190"/>
      <c r="E444" s="190"/>
      <c r="F444" s="190"/>
      <c r="G444" s="190"/>
      <c r="H444" s="190"/>
      <c r="I444" s="190"/>
      <c r="J444" s="190"/>
      <c r="K444" s="190"/>
    </row>
    <row r="445" spans="1:11" x14ac:dyDescent="0.15">
      <c r="A445" s="190"/>
      <c r="B445" s="190"/>
      <c r="C445" s="190"/>
      <c r="D445" s="190"/>
      <c r="E445" s="190"/>
      <c r="F445" s="190"/>
      <c r="G445" s="190"/>
      <c r="H445" s="190"/>
      <c r="I445" s="190"/>
      <c r="J445" s="190"/>
      <c r="K445" s="190"/>
    </row>
    <row r="446" spans="1:11" x14ac:dyDescent="0.15">
      <c r="A446" s="190"/>
      <c r="B446" s="190"/>
      <c r="C446" s="190"/>
      <c r="D446" s="190"/>
      <c r="E446" s="190"/>
      <c r="F446" s="190"/>
      <c r="G446" s="190"/>
      <c r="H446" s="190"/>
      <c r="I446" s="190"/>
      <c r="J446" s="190"/>
      <c r="K446" s="190"/>
    </row>
    <row r="447" spans="1:11" x14ac:dyDescent="0.15">
      <c r="A447" s="190"/>
      <c r="B447" s="190"/>
      <c r="C447" s="190"/>
      <c r="D447" s="190"/>
      <c r="E447" s="190"/>
      <c r="F447" s="190"/>
      <c r="G447" s="190"/>
      <c r="H447" s="190"/>
      <c r="I447" s="190"/>
      <c r="J447" s="190"/>
      <c r="K447" s="190"/>
    </row>
    <row r="448" spans="1:11" x14ac:dyDescent="0.15">
      <c r="A448" s="190"/>
      <c r="B448" s="190"/>
      <c r="C448" s="190"/>
      <c r="D448" s="190"/>
      <c r="E448" s="190"/>
      <c r="F448" s="190"/>
      <c r="G448" s="190"/>
      <c r="H448" s="190"/>
      <c r="I448" s="190"/>
      <c r="J448" s="190"/>
      <c r="K448" s="190"/>
    </row>
    <row r="449" spans="1:11" x14ac:dyDescent="0.15">
      <c r="A449" s="190"/>
      <c r="B449" s="190"/>
      <c r="C449" s="190"/>
      <c r="D449" s="190"/>
      <c r="E449" s="190"/>
      <c r="F449" s="190"/>
      <c r="G449" s="190"/>
      <c r="H449" s="190"/>
      <c r="I449" s="190"/>
      <c r="J449" s="190"/>
      <c r="K449" s="190"/>
    </row>
    <row r="450" spans="1:11" x14ac:dyDescent="0.15">
      <c r="A450" s="190"/>
      <c r="B450" s="190"/>
      <c r="C450" s="190"/>
      <c r="D450" s="190"/>
      <c r="E450" s="190"/>
      <c r="F450" s="190"/>
      <c r="G450" s="190"/>
      <c r="H450" s="190"/>
      <c r="I450" s="190"/>
      <c r="J450" s="190"/>
      <c r="K450" s="190"/>
    </row>
    <row r="451" spans="1:11" x14ac:dyDescent="0.15">
      <c r="A451" s="190"/>
      <c r="B451" s="190"/>
      <c r="C451" s="190"/>
      <c r="D451" s="190"/>
      <c r="E451" s="190"/>
      <c r="F451" s="190"/>
      <c r="G451" s="190"/>
      <c r="H451" s="190"/>
      <c r="I451" s="190"/>
      <c r="J451" s="190"/>
      <c r="K451" s="190"/>
    </row>
    <row r="452" spans="1:11" x14ac:dyDescent="0.15">
      <c r="A452" s="190"/>
      <c r="B452" s="190"/>
      <c r="C452" s="190"/>
      <c r="D452" s="190"/>
      <c r="E452" s="190"/>
      <c r="F452" s="190"/>
      <c r="G452" s="190"/>
      <c r="H452" s="190"/>
      <c r="I452" s="190"/>
      <c r="J452" s="190"/>
      <c r="K452" s="190"/>
    </row>
    <row r="453" spans="1:11" x14ac:dyDescent="0.15">
      <c r="A453" s="190"/>
      <c r="B453" s="190"/>
      <c r="C453" s="190"/>
      <c r="D453" s="190"/>
      <c r="E453" s="190"/>
      <c r="F453" s="190"/>
      <c r="G453" s="190"/>
      <c r="H453" s="190"/>
      <c r="I453" s="190"/>
      <c r="J453" s="190"/>
      <c r="K453" s="190"/>
    </row>
    <row r="454" spans="1:11" x14ac:dyDescent="0.15">
      <c r="A454" s="190"/>
      <c r="B454" s="190"/>
      <c r="C454" s="190"/>
      <c r="D454" s="190"/>
      <c r="E454" s="190"/>
      <c r="F454" s="190"/>
      <c r="G454" s="190"/>
      <c r="H454" s="190"/>
      <c r="I454" s="190"/>
      <c r="J454" s="190"/>
      <c r="K454" s="190"/>
    </row>
    <row r="455" spans="1:11" x14ac:dyDescent="0.15">
      <c r="A455" s="190"/>
      <c r="B455" s="190"/>
      <c r="C455" s="190"/>
      <c r="D455" s="190"/>
      <c r="E455" s="190"/>
      <c r="F455" s="190"/>
      <c r="G455" s="190"/>
      <c r="H455" s="190"/>
      <c r="I455" s="190"/>
      <c r="J455" s="190"/>
      <c r="K455" s="190"/>
    </row>
    <row r="456" spans="1:11" x14ac:dyDescent="0.15">
      <c r="A456" s="190"/>
      <c r="B456" s="190"/>
      <c r="C456" s="190"/>
      <c r="D456" s="190"/>
      <c r="E456" s="190"/>
      <c r="F456" s="190"/>
      <c r="G456" s="190"/>
      <c r="H456" s="190"/>
      <c r="I456" s="190"/>
      <c r="J456" s="190"/>
      <c r="K456" s="190"/>
    </row>
    <row r="457" spans="1:11" x14ac:dyDescent="0.15">
      <c r="A457" s="190"/>
      <c r="B457" s="190"/>
      <c r="C457" s="190"/>
      <c r="D457" s="190"/>
      <c r="E457" s="190"/>
      <c r="F457" s="190"/>
      <c r="G457" s="190"/>
      <c r="H457" s="190"/>
      <c r="I457" s="190"/>
      <c r="J457" s="190"/>
      <c r="K457" s="190"/>
    </row>
    <row r="458" spans="1:11" x14ac:dyDescent="0.15">
      <c r="A458" s="190"/>
      <c r="B458" s="190"/>
      <c r="C458" s="190"/>
      <c r="D458" s="190"/>
      <c r="E458" s="190"/>
      <c r="F458" s="190"/>
      <c r="G458" s="190"/>
      <c r="H458" s="190"/>
      <c r="I458" s="190"/>
      <c r="J458" s="190"/>
      <c r="K458" s="190"/>
    </row>
    <row r="459" spans="1:11" x14ac:dyDescent="0.15">
      <c r="A459" s="190"/>
      <c r="B459" s="190"/>
      <c r="C459" s="190"/>
      <c r="D459" s="190"/>
      <c r="E459" s="190"/>
      <c r="F459" s="190"/>
      <c r="G459" s="190"/>
      <c r="H459" s="190"/>
      <c r="I459" s="190"/>
      <c r="J459" s="190"/>
      <c r="K459" s="190"/>
    </row>
    <row r="460" spans="1:11" x14ac:dyDescent="0.15">
      <c r="A460" s="190"/>
      <c r="B460" s="190"/>
      <c r="C460" s="190"/>
      <c r="D460" s="190"/>
      <c r="E460" s="190"/>
      <c r="F460" s="190"/>
      <c r="G460" s="190"/>
      <c r="H460" s="190"/>
      <c r="I460" s="190"/>
      <c r="J460" s="190"/>
      <c r="K460" s="190"/>
    </row>
    <row r="461" spans="1:11" x14ac:dyDescent="0.15">
      <c r="A461" s="190"/>
      <c r="B461" s="190"/>
      <c r="C461" s="190"/>
      <c r="D461" s="190"/>
      <c r="E461" s="190"/>
      <c r="F461" s="190"/>
      <c r="G461" s="190"/>
      <c r="H461" s="190"/>
      <c r="I461" s="190"/>
      <c r="J461" s="190"/>
      <c r="K461" s="190"/>
    </row>
    <row r="462" spans="1:11" x14ac:dyDescent="0.15">
      <c r="A462" s="190"/>
      <c r="B462" s="190"/>
      <c r="C462" s="190"/>
      <c r="D462" s="190"/>
      <c r="E462" s="190"/>
      <c r="F462" s="190"/>
      <c r="G462" s="190"/>
      <c r="H462" s="190"/>
      <c r="I462" s="190"/>
      <c r="J462" s="190"/>
      <c r="K462" s="190"/>
    </row>
    <row r="463" spans="1:11" x14ac:dyDescent="0.15">
      <c r="A463" s="190"/>
      <c r="B463" s="190"/>
      <c r="C463" s="190"/>
      <c r="D463" s="190"/>
      <c r="E463" s="190"/>
      <c r="F463" s="190"/>
      <c r="G463" s="190"/>
      <c r="H463" s="190"/>
      <c r="I463" s="190"/>
      <c r="J463" s="190"/>
      <c r="K463" s="190"/>
    </row>
    <row r="464" spans="1:11" x14ac:dyDescent="0.15">
      <c r="A464" s="190"/>
      <c r="B464" s="190"/>
      <c r="C464" s="190"/>
      <c r="D464" s="190"/>
      <c r="E464" s="190"/>
      <c r="F464" s="190"/>
      <c r="G464" s="190"/>
      <c r="H464" s="190"/>
      <c r="I464" s="190"/>
      <c r="J464" s="190"/>
      <c r="K464" s="190"/>
    </row>
    <row r="465" spans="1:11" x14ac:dyDescent="0.15">
      <c r="A465" s="190"/>
      <c r="B465" s="190"/>
      <c r="C465" s="190"/>
      <c r="D465" s="190"/>
      <c r="E465" s="190"/>
      <c r="F465" s="190"/>
      <c r="G465" s="190"/>
      <c r="H465" s="190"/>
      <c r="I465" s="190"/>
      <c r="J465" s="190"/>
      <c r="K465" s="190"/>
    </row>
    <row r="466" spans="1:11" x14ac:dyDescent="0.15">
      <c r="A466" s="190"/>
      <c r="B466" s="190"/>
      <c r="C466" s="190"/>
      <c r="D466" s="190"/>
      <c r="E466" s="190"/>
      <c r="F466" s="190"/>
      <c r="G466" s="190"/>
      <c r="H466" s="190"/>
      <c r="I466" s="190"/>
      <c r="J466" s="190"/>
      <c r="K466" s="190"/>
    </row>
    <row r="467" spans="1:11" x14ac:dyDescent="0.15">
      <c r="A467" s="190"/>
      <c r="B467" s="190"/>
      <c r="C467" s="190"/>
      <c r="D467" s="190"/>
      <c r="E467" s="190"/>
      <c r="F467" s="190"/>
      <c r="G467" s="190"/>
      <c r="H467" s="190"/>
      <c r="I467" s="190"/>
      <c r="J467" s="190"/>
      <c r="K467" s="190"/>
    </row>
    <row r="468" spans="1:11" x14ac:dyDescent="0.15">
      <c r="A468" s="190"/>
      <c r="B468" s="190"/>
      <c r="C468" s="190"/>
      <c r="D468" s="190"/>
      <c r="E468" s="190"/>
      <c r="F468" s="190"/>
      <c r="G468" s="190"/>
      <c r="H468" s="190"/>
      <c r="I468" s="190"/>
      <c r="J468" s="190"/>
      <c r="K468" s="190"/>
    </row>
    <row r="469" spans="1:11" x14ac:dyDescent="0.15">
      <c r="A469" s="190"/>
      <c r="B469" s="190"/>
      <c r="C469" s="190"/>
      <c r="D469" s="190"/>
      <c r="E469" s="190"/>
      <c r="F469" s="190"/>
      <c r="G469" s="190"/>
      <c r="H469" s="190"/>
      <c r="I469" s="190"/>
      <c r="J469" s="190"/>
      <c r="K469" s="190"/>
    </row>
    <row r="470" spans="1:11" x14ac:dyDescent="0.15">
      <c r="A470" s="190"/>
      <c r="B470" s="190"/>
      <c r="C470" s="190"/>
      <c r="D470" s="190"/>
      <c r="E470" s="190"/>
      <c r="F470" s="190"/>
      <c r="G470" s="190"/>
      <c r="H470" s="190"/>
      <c r="I470" s="190"/>
      <c r="J470" s="190"/>
      <c r="K470" s="190"/>
    </row>
    <row r="471" spans="1:11" x14ac:dyDescent="0.15">
      <c r="A471" s="190"/>
      <c r="B471" s="190"/>
      <c r="C471" s="190"/>
      <c r="D471" s="190"/>
      <c r="E471" s="190"/>
      <c r="F471" s="190"/>
      <c r="G471" s="190" t="s">
        <v>251</v>
      </c>
      <c r="H471" s="190"/>
      <c r="I471" s="190"/>
      <c r="J471" s="190"/>
      <c r="K471" s="190"/>
    </row>
    <row r="472" spans="1:11" x14ac:dyDescent="0.15">
      <c r="A472" s="190"/>
      <c r="B472" s="190"/>
      <c r="C472" s="190"/>
      <c r="D472" s="190"/>
      <c r="E472" s="190"/>
      <c r="F472" s="190"/>
      <c r="G472" s="190"/>
      <c r="H472" s="190"/>
      <c r="I472" s="190"/>
      <c r="J472" s="190"/>
      <c r="K472" s="190"/>
    </row>
    <row r="473" spans="1:11" x14ac:dyDescent="0.15">
      <c r="A473" s="190"/>
      <c r="B473" s="190"/>
      <c r="C473" s="190"/>
      <c r="D473" s="190"/>
      <c r="E473" s="190"/>
      <c r="F473" s="190"/>
      <c r="G473" s="190" t="s">
        <v>316</v>
      </c>
      <c r="H473" s="190"/>
      <c r="I473" s="190"/>
      <c r="J473" s="190"/>
      <c r="K473" s="190"/>
    </row>
    <row r="474" spans="1:11" x14ac:dyDescent="0.15">
      <c r="A474" s="190"/>
      <c r="B474" s="190"/>
      <c r="C474" s="190"/>
      <c r="D474" s="190"/>
      <c r="E474" s="190"/>
      <c r="F474" s="190"/>
      <c r="G474" s="190"/>
      <c r="H474" s="190"/>
      <c r="I474" s="190"/>
      <c r="J474" s="190"/>
      <c r="K474" s="190"/>
    </row>
    <row r="475" spans="1:11" x14ac:dyDescent="0.15">
      <c r="A475" s="190"/>
      <c r="B475" s="190"/>
      <c r="C475" s="190"/>
      <c r="D475" s="190"/>
      <c r="E475" s="190"/>
      <c r="F475" s="190"/>
      <c r="G475" s="190" t="s">
        <v>287</v>
      </c>
      <c r="H475" s="190"/>
      <c r="I475" s="190"/>
      <c r="J475" s="190"/>
      <c r="K475" s="190"/>
    </row>
    <row r="476" spans="1:11" x14ac:dyDescent="0.15">
      <c r="A476" s="190"/>
      <c r="B476" s="190"/>
      <c r="C476" s="190"/>
      <c r="D476" s="190"/>
      <c r="E476" s="190"/>
      <c r="F476" s="190"/>
      <c r="G476" s="190" t="s">
        <v>252</v>
      </c>
      <c r="H476" s="190"/>
      <c r="I476" s="190"/>
      <c r="J476" s="190"/>
      <c r="K476" s="190"/>
    </row>
    <row r="477" spans="1:11" x14ac:dyDescent="0.15">
      <c r="A477" s="190"/>
      <c r="B477" s="190"/>
      <c r="C477" s="190"/>
      <c r="D477" s="190"/>
      <c r="E477" s="190"/>
      <c r="F477" s="190"/>
      <c r="G477" s="190"/>
      <c r="H477" s="190" t="s">
        <v>253</v>
      </c>
      <c r="I477" s="190"/>
      <c r="J477" s="190"/>
      <c r="K477" s="190"/>
    </row>
    <row r="478" spans="1:11" x14ac:dyDescent="0.15">
      <c r="A478" s="190"/>
      <c r="B478" s="190"/>
      <c r="C478" s="190"/>
      <c r="D478" s="190"/>
      <c r="E478" s="190"/>
      <c r="F478" s="190"/>
      <c r="G478" s="190" t="s">
        <v>279</v>
      </c>
      <c r="H478" s="190"/>
      <c r="I478" s="190"/>
      <c r="J478" s="190"/>
      <c r="K478" s="190"/>
    </row>
    <row r="479" spans="1:11" x14ac:dyDescent="0.15">
      <c r="A479" s="190"/>
      <c r="B479" s="190"/>
      <c r="C479" s="190"/>
      <c r="D479" s="190"/>
      <c r="E479" s="190"/>
      <c r="F479" s="190"/>
      <c r="G479" s="190"/>
      <c r="H479" s="190" t="s">
        <v>254</v>
      </c>
      <c r="I479" s="190"/>
      <c r="J479" s="190"/>
      <c r="K479" s="190"/>
    </row>
    <row r="480" spans="1:11" x14ac:dyDescent="0.15">
      <c r="A480" s="190"/>
      <c r="B480" s="190"/>
      <c r="C480" s="190"/>
      <c r="D480" s="190"/>
      <c r="E480" s="190"/>
      <c r="F480" s="190"/>
      <c r="G480" s="190"/>
      <c r="H480" s="190" t="s">
        <v>278</v>
      </c>
      <c r="I480" s="190"/>
      <c r="J480" s="190"/>
      <c r="K480" s="190"/>
    </row>
    <row r="481" spans="1:11" x14ac:dyDescent="0.15">
      <c r="A481" s="190"/>
      <c r="B481" s="190"/>
      <c r="C481" s="190"/>
      <c r="D481" s="190"/>
      <c r="E481" s="190"/>
      <c r="F481" s="190"/>
      <c r="G481" s="190"/>
      <c r="H481" s="190"/>
      <c r="I481" s="190"/>
      <c r="J481" s="190"/>
      <c r="K481" s="190"/>
    </row>
    <row r="482" spans="1:11" x14ac:dyDescent="0.15">
      <c r="A482" s="190"/>
      <c r="B482" s="190"/>
      <c r="C482" s="190"/>
      <c r="D482" s="190"/>
      <c r="E482" s="190"/>
      <c r="F482" s="190"/>
      <c r="G482" s="190"/>
      <c r="H482" s="190"/>
      <c r="I482" s="190"/>
      <c r="J482" s="190"/>
      <c r="K482" s="190"/>
    </row>
    <row r="483" spans="1:11" x14ac:dyDescent="0.15">
      <c r="A483" s="190"/>
      <c r="B483" s="190"/>
      <c r="C483" s="190"/>
      <c r="D483" s="190"/>
      <c r="E483" s="190"/>
      <c r="F483" s="190"/>
      <c r="G483" s="190"/>
      <c r="H483" s="190"/>
      <c r="I483" s="190"/>
      <c r="J483" s="190"/>
      <c r="K483" s="190"/>
    </row>
  </sheetData>
  <mergeCells count="230">
    <mergeCell ref="A404:K404"/>
    <mergeCell ref="F184:K184"/>
    <mergeCell ref="A387:B387"/>
    <mergeCell ref="C387:F387"/>
    <mergeCell ref="G387:H387"/>
    <mergeCell ref="I387:K387"/>
    <mergeCell ref="A388:B388"/>
    <mergeCell ref="C388:F388"/>
    <mergeCell ref="G388:H388"/>
    <mergeCell ref="I388:K388"/>
    <mergeCell ref="A385:B385"/>
    <mergeCell ref="C385:F385"/>
    <mergeCell ref="G385:H385"/>
    <mergeCell ref="I385:K385"/>
    <mergeCell ref="A386:B386"/>
    <mergeCell ref="C386:F386"/>
    <mergeCell ref="G386:H386"/>
    <mergeCell ref="I386:K386"/>
    <mergeCell ref="A383:B383"/>
    <mergeCell ref="C383:F383"/>
    <mergeCell ref="G383:H383"/>
    <mergeCell ref="I383:K383"/>
    <mergeCell ref="A384:B384"/>
    <mergeCell ref="C384:F384"/>
    <mergeCell ref="G384:H384"/>
    <mergeCell ref="I384:K384"/>
    <mergeCell ref="A381:B381"/>
    <mergeCell ref="C381:F381"/>
    <mergeCell ref="G381:H381"/>
    <mergeCell ref="I381:K381"/>
    <mergeCell ref="A382:B382"/>
    <mergeCell ref="C382:F382"/>
    <mergeCell ref="G382:H382"/>
    <mergeCell ref="I382:K382"/>
    <mergeCell ref="A379:B379"/>
    <mergeCell ref="C379:F379"/>
    <mergeCell ref="G379:H379"/>
    <mergeCell ref="I379:K379"/>
    <mergeCell ref="A380:B380"/>
    <mergeCell ref="C380:F380"/>
    <mergeCell ref="G380:H380"/>
    <mergeCell ref="I380:K380"/>
    <mergeCell ref="A377:B377"/>
    <mergeCell ref="C377:F377"/>
    <mergeCell ref="G377:H377"/>
    <mergeCell ref="I377:K377"/>
    <mergeCell ref="A378:B378"/>
    <mergeCell ref="C378:F378"/>
    <mergeCell ref="G378:H378"/>
    <mergeCell ref="I378:K378"/>
    <mergeCell ref="A375:B375"/>
    <mergeCell ref="C375:F375"/>
    <mergeCell ref="G375:H375"/>
    <mergeCell ref="I375:K375"/>
    <mergeCell ref="A376:B376"/>
    <mergeCell ref="C376:F376"/>
    <mergeCell ref="G376:H376"/>
    <mergeCell ref="I376:K376"/>
    <mergeCell ref="A373:B373"/>
    <mergeCell ref="C373:F373"/>
    <mergeCell ref="G373:H373"/>
    <mergeCell ref="I373:K373"/>
    <mergeCell ref="A374:B374"/>
    <mergeCell ref="C374:F374"/>
    <mergeCell ref="G374:H374"/>
    <mergeCell ref="I374:K374"/>
    <mergeCell ref="A371:B371"/>
    <mergeCell ref="C371:F371"/>
    <mergeCell ref="G371:H371"/>
    <mergeCell ref="I371:K371"/>
    <mergeCell ref="A372:B372"/>
    <mergeCell ref="C372:F372"/>
    <mergeCell ref="G372:H372"/>
    <mergeCell ref="I372:K372"/>
    <mergeCell ref="B301:D301"/>
    <mergeCell ref="F301:H301"/>
    <mergeCell ref="I301:K301"/>
    <mergeCell ref="A370:B370"/>
    <mergeCell ref="C370:F370"/>
    <mergeCell ref="G370:H370"/>
    <mergeCell ref="I370:K370"/>
    <mergeCell ref="B299:D299"/>
    <mergeCell ref="F299:H299"/>
    <mergeCell ref="I299:K299"/>
    <mergeCell ref="B300:D300"/>
    <mergeCell ref="F300:H300"/>
    <mergeCell ref="I300:K300"/>
    <mergeCell ref="B297:D297"/>
    <mergeCell ref="F297:H297"/>
    <mergeCell ref="I297:K297"/>
    <mergeCell ref="B298:D298"/>
    <mergeCell ref="F298:H298"/>
    <mergeCell ref="I298:K298"/>
    <mergeCell ref="B295:D295"/>
    <mergeCell ref="F295:H295"/>
    <mergeCell ref="I295:K295"/>
    <mergeCell ref="B296:D296"/>
    <mergeCell ref="F296:H296"/>
    <mergeCell ref="I296:K296"/>
    <mergeCell ref="B293:D293"/>
    <mergeCell ref="F293:H293"/>
    <mergeCell ref="I293:K293"/>
    <mergeCell ref="B294:D294"/>
    <mergeCell ref="F294:H294"/>
    <mergeCell ref="I294:K294"/>
    <mergeCell ref="B291:D291"/>
    <mergeCell ref="F291:H291"/>
    <mergeCell ref="I291:K291"/>
    <mergeCell ref="B292:D292"/>
    <mergeCell ref="F292:H292"/>
    <mergeCell ref="I292:K292"/>
    <mergeCell ref="B289:D289"/>
    <mergeCell ref="F289:H289"/>
    <mergeCell ref="I289:K289"/>
    <mergeCell ref="B290:D290"/>
    <mergeCell ref="F290:H290"/>
    <mergeCell ref="I290:K290"/>
    <mergeCell ref="B287:D287"/>
    <mergeCell ref="F287:H287"/>
    <mergeCell ref="I287:K287"/>
    <mergeCell ref="B288:D288"/>
    <mergeCell ref="F288:H288"/>
    <mergeCell ref="I288:K288"/>
    <mergeCell ref="B285:D285"/>
    <mergeCell ref="F285:H285"/>
    <mergeCell ref="I285:K285"/>
    <mergeCell ref="B286:D286"/>
    <mergeCell ref="F286:H286"/>
    <mergeCell ref="I286:K286"/>
    <mergeCell ref="B283:D283"/>
    <mergeCell ref="F283:H283"/>
    <mergeCell ref="I283:K283"/>
    <mergeCell ref="B284:D284"/>
    <mergeCell ref="F284:H284"/>
    <mergeCell ref="I284:K284"/>
    <mergeCell ref="B281:D281"/>
    <mergeCell ref="F281:H281"/>
    <mergeCell ref="I281:K281"/>
    <mergeCell ref="B282:D282"/>
    <mergeCell ref="F282:H282"/>
    <mergeCell ref="I282:K282"/>
    <mergeCell ref="B279:D279"/>
    <mergeCell ref="F279:H279"/>
    <mergeCell ref="I279:K279"/>
    <mergeCell ref="B280:D280"/>
    <mergeCell ref="F280:H280"/>
    <mergeCell ref="I280:K280"/>
    <mergeCell ref="B277:D277"/>
    <mergeCell ref="F277:H277"/>
    <mergeCell ref="I277:K277"/>
    <mergeCell ref="B278:D278"/>
    <mergeCell ref="F278:H278"/>
    <mergeCell ref="I278:K278"/>
    <mergeCell ref="B275:D275"/>
    <mergeCell ref="F275:H275"/>
    <mergeCell ref="I275:K275"/>
    <mergeCell ref="B276:D276"/>
    <mergeCell ref="F276:H276"/>
    <mergeCell ref="I276:K276"/>
    <mergeCell ref="F187:K187"/>
    <mergeCell ref="G188:H188"/>
    <mergeCell ref="B225:D225"/>
    <mergeCell ref="E225:H225"/>
    <mergeCell ref="I225:K225"/>
    <mergeCell ref="B274:D274"/>
    <mergeCell ref="F274:H274"/>
    <mergeCell ref="I274:K274"/>
    <mergeCell ref="B173:E173"/>
    <mergeCell ref="B174:E174"/>
    <mergeCell ref="B175:E175"/>
    <mergeCell ref="F182:K182"/>
    <mergeCell ref="G183:H183"/>
    <mergeCell ref="G185:H185"/>
    <mergeCell ref="F167:K167"/>
    <mergeCell ref="F168:K168"/>
    <mergeCell ref="F169:K169"/>
    <mergeCell ref="F170:K170"/>
    <mergeCell ref="C172:E172"/>
    <mergeCell ref="F172:G172"/>
    <mergeCell ref="H172:K172"/>
    <mergeCell ref="H145:K145"/>
    <mergeCell ref="G147:H147"/>
    <mergeCell ref="F148:K150"/>
    <mergeCell ref="F151:K151"/>
    <mergeCell ref="F156:K160"/>
    <mergeCell ref="F163:K166"/>
    <mergeCell ref="F139:K139"/>
    <mergeCell ref="F140:K140"/>
    <mergeCell ref="F141:K141"/>
    <mergeCell ref="F142:K142"/>
    <mergeCell ref="F143:K143"/>
    <mergeCell ref="H144:K144"/>
    <mergeCell ref="F133:K133"/>
    <mergeCell ref="F134:K134"/>
    <mergeCell ref="F135:K135"/>
    <mergeCell ref="F136:K136"/>
    <mergeCell ref="F137:K137"/>
    <mergeCell ref="F138:K138"/>
    <mergeCell ref="D123:F123"/>
    <mergeCell ref="I123:K123"/>
    <mergeCell ref="H124:K124"/>
    <mergeCell ref="H125:K125"/>
    <mergeCell ref="F130:K131"/>
    <mergeCell ref="F132:K132"/>
    <mergeCell ref="A106:K107"/>
    <mergeCell ref="A108:K109"/>
    <mergeCell ref="A110:K111"/>
    <mergeCell ref="D121:F121"/>
    <mergeCell ref="I121:K121"/>
    <mergeCell ref="D122:F122"/>
    <mergeCell ref="I122:K122"/>
    <mergeCell ref="C99:D99"/>
    <mergeCell ref="F99:K103"/>
    <mergeCell ref="C100:D100"/>
    <mergeCell ref="C101:D101"/>
    <mergeCell ref="C102:D102"/>
    <mergeCell ref="C103:D103"/>
    <mergeCell ref="B95:C95"/>
    <mergeCell ref="D95:K95"/>
    <mergeCell ref="B96:C96"/>
    <mergeCell ref="D96:K96"/>
    <mergeCell ref="B97:C97"/>
    <mergeCell ref="D97:K97"/>
    <mergeCell ref="A6:K6"/>
    <mergeCell ref="H35:I35"/>
    <mergeCell ref="C84:F84"/>
    <mergeCell ref="B85:F85"/>
    <mergeCell ref="A88:F88"/>
    <mergeCell ref="A90:D90"/>
    <mergeCell ref="E90:F90"/>
  </mergeCells>
  <phoneticPr fontId="1"/>
  <pageMargins left="0.7" right="0.7" top="0.75" bottom="0.75" header="0.3" footer="0.3"/>
  <pageSetup paperSize="9" scale="73" orientation="portrait" r:id="rId1"/>
  <rowBreaks count="7" manualBreakCount="7">
    <brk id="45" max="16383" man="1"/>
    <brk id="81" max="16383" man="1"/>
    <brk id="145" max="16383" man="1"/>
    <brk id="223" max="16383" man="1"/>
    <brk id="301" max="16383" man="1"/>
    <brk id="367" max="16383" man="1"/>
    <brk id="403" max="16383"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入力用</vt:lpstr>
      <vt:lpstr>記載例</vt:lpstr>
      <vt:lpstr>入力用!Print_Area</vt:lpstr>
    </vt:vector>
  </TitlesOfParts>
  <Company>伊丹市役所</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ministrator</dc:creator>
  <cp:lastModifiedBy>A</cp:lastModifiedBy>
  <cp:lastPrinted>2021-08-30T01:39:24Z</cp:lastPrinted>
  <dcterms:created xsi:type="dcterms:W3CDTF">2018-05-15T06:19:27Z</dcterms:created>
  <dcterms:modified xsi:type="dcterms:W3CDTF">2021-08-30T01:39:25Z</dcterms:modified>
</cp:coreProperties>
</file>